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5"/>
  </p:notesMasterIdLst>
  <p:sldIdLst>
    <p:sldId id="274" r:id="rId2"/>
    <p:sldId id="275" r:id="rId3"/>
    <p:sldId id="256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27" autoAdjust="0"/>
    <p:restoredTop sz="94660"/>
  </p:normalViewPr>
  <p:slideViewPr>
    <p:cSldViewPr snapToGrid="0">
      <p:cViewPr varScale="1">
        <p:scale>
          <a:sx n="98" d="100"/>
          <a:sy n="98" d="100"/>
        </p:scale>
        <p:origin x="288" y="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2DCE7FB-32ED-4499-874D-15F3662BF816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2C145FD-C2A5-4F6E-9A5A-A2ED7B5112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07427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BC7F33-66FC-477E-AAE9-9D8E7402E58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FABD0F7-F482-4E61-8B6A-6433A27DC43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5408CD1-4323-4D63-B335-2E75746402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8E69A10-B484-46DF-8116-114081CB90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B60B770-BDB4-44A2-A904-972E34AF77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149290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399FAD-57B7-46E4-8A0B-C931A5AA59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E786664-8E23-4D99-B7B1-889D37B728A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9F4A5DA-B677-4D98-B9B4-611305D1E6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530141-71BE-4BCE-BEE2-BD29562595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088E547-6684-49C4-8575-EC0E9DDEC3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992373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A4B10361-DBD4-4DC6-BA9B-0ACDC2A6177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FB75AD7-7F79-45E8-90EF-CBE7A03B128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911D3A2-F8C3-474A-A86B-98FB8C4A31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873DCA6-03C9-4ACE-9F58-B7085C00E7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E9C3D02-0FFD-4745-ABCF-46B97D7F55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38319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C5FE7F-EBD0-4211-9F6B-EF50A7091B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8E47122-683D-45AC-BBEB-55C60AB5A4D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7521D3-D664-424A-BC15-F51B53F906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D9AF05B-A28E-48CC-A571-0474701345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8D83E4-2063-4715-AA90-EA6CC37E52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822184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1A27B9-D7A6-40AD-AB25-D03787F4ED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52EDBC0-172E-4595-875F-41347182461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3FB5F7-493D-4065-8339-7533F6D126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BF4E84-39EB-43F4-88AC-AA798A2062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667F5C8-43C6-4224-9CF7-0341AF6E15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8255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DB1271-440E-413E-8F98-2CA6F84906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E78587D-D5C8-42A7-8A7C-A4BECEA2E2D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A4EDE15-6D8D-4006-ADDF-1FA53F1ACF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2B10CAB-2E8F-4672-A91E-79C52341F9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6E28523-5302-4A55-97FC-A422CF4C08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01B88A-3758-4E0D-8447-4E5D38719E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663555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D79082-3BEA-4B26-8804-FE3FCF02E7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2B098F5-AF29-4A49-BE4E-55925B21E85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7DA1A24-F3EA-443D-8B96-62C8D5BB682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794A15C-0C44-4332-9E9F-9F9039B6BA4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8BB3D22-7F75-494E-A3B0-752FA4A885F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42AD1AA-40C5-4277-BD19-502AE219E3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F08B3C-C34D-426D-8119-873780E685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4F78018-87C2-4E55-A3BF-E65CB5EB6F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00369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C8C6E9-58D8-4936-ADA6-E09B9CA132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EBDCC50-5644-4380-AD3D-BF1FF27526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7924B7F-7F69-4A51-8BAF-691980ED79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6A6EDA0-BBAB-4A55-877F-E619C8D918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868584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8EA414E-B2DB-4D34-8CA8-B00931C9A0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186DA9D-17DF-44F6-BBAD-8E1336C3BF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05AACEC-D206-4928-BE21-CF667543A1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678294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8DF7A1-29FF-4B3A-9700-461B87F16C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4F9B98-CC36-482D-8889-9E41EFEE52A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EAA969F-AB08-44CA-860E-B14FB1FABD0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DA0E03B-D6D1-4AF8-AFDA-61BA375427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174C3C2-5FBD-4048-9D36-B533CC4C9C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AE99B-BEBE-4D26-A1ED-8A6401B797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10269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9A7EA7-E80C-4A6F-84AD-4B18C7C8B4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F2741A8-3C13-4E83-A219-888776BF698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661A56A-3424-4175-B57F-D9326055BB0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854401D-F64D-47BD-9C05-9487B45102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6839EE-62EC-4A77-823A-3CE35A10C9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6EEA41D-40E2-444C-ADDF-4112670696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404999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A7035CF-2A8B-476C-9823-591F82648D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875EEC6-0822-4F31-85B3-EF741B6CB7A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221C19-B1E8-4F2E-B693-21E958D33B5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FE7088-A450-4DA2-B70B-F8E9C18F58B7}" type="datetimeFigureOut">
              <a:rPr lang="en-US" smtClean="0"/>
              <a:t>10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5E7A4C-9307-4ED0-B9AB-603675942E7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7CF016-BB28-44BC-9536-F16E2330DA8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5E47B70-C937-4303-9212-1482456C324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629783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image" Target="../media/image2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93.xml"/><Relationship Id="rId18" Type="http://schemas.openxmlformats.org/officeDocument/2006/relationships/tags" Target="../tags/tag98.xml"/><Relationship Id="rId26" Type="http://schemas.openxmlformats.org/officeDocument/2006/relationships/tags" Target="../tags/tag106.xml"/><Relationship Id="rId39" Type="http://schemas.openxmlformats.org/officeDocument/2006/relationships/tags" Target="../tags/tag119.xml"/><Relationship Id="rId21" Type="http://schemas.openxmlformats.org/officeDocument/2006/relationships/tags" Target="../tags/tag101.xml"/><Relationship Id="rId34" Type="http://schemas.openxmlformats.org/officeDocument/2006/relationships/tags" Target="../tags/tag114.xml"/><Relationship Id="rId42" Type="http://schemas.openxmlformats.org/officeDocument/2006/relationships/tags" Target="../tags/tag122.xml"/><Relationship Id="rId47" Type="http://schemas.openxmlformats.org/officeDocument/2006/relationships/tags" Target="../tags/tag127.xml"/><Relationship Id="rId50" Type="http://schemas.openxmlformats.org/officeDocument/2006/relationships/tags" Target="../tags/tag130.xml"/><Relationship Id="rId55" Type="http://schemas.openxmlformats.org/officeDocument/2006/relationships/tags" Target="../tags/tag135.xml"/><Relationship Id="rId63" Type="http://schemas.openxmlformats.org/officeDocument/2006/relationships/image" Target="../media/image3.png"/><Relationship Id="rId7" Type="http://schemas.openxmlformats.org/officeDocument/2006/relationships/tags" Target="../tags/tag87.xml"/><Relationship Id="rId2" Type="http://schemas.openxmlformats.org/officeDocument/2006/relationships/tags" Target="../tags/tag82.xml"/><Relationship Id="rId16" Type="http://schemas.openxmlformats.org/officeDocument/2006/relationships/tags" Target="../tags/tag96.xml"/><Relationship Id="rId20" Type="http://schemas.openxmlformats.org/officeDocument/2006/relationships/tags" Target="../tags/tag100.xml"/><Relationship Id="rId29" Type="http://schemas.openxmlformats.org/officeDocument/2006/relationships/tags" Target="../tags/tag109.xml"/><Relationship Id="rId41" Type="http://schemas.openxmlformats.org/officeDocument/2006/relationships/tags" Target="../tags/tag121.xml"/><Relationship Id="rId54" Type="http://schemas.openxmlformats.org/officeDocument/2006/relationships/tags" Target="../tags/tag134.xml"/><Relationship Id="rId62" Type="http://schemas.openxmlformats.org/officeDocument/2006/relationships/slideLayout" Target="../slideLayouts/slideLayout7.xml"/><Relationship Id="rId1" Type="http://schemas.openxmlformats.org/officeDocument/2006/relationships/tags" Target="../tags/tag81.xml"/><Relationship Id="rId6" Type="http://schemas.openxmlformats.org/officeDocument/2006/relationships/tags" Target="../tags/tag86.xml"/><Relationship Id="rId11" Type="http://schemas.openxmlformats.org/officeDocument/2006/relationships/tags" Target="../tags/tag91.xml"/><Relationship Id="rId24" Type="http://schemas.openxmlformats.org/officeDocument/2006/relationships/tags" Target="../tags/tag104.xml"/><Relationship Id="rId32" Type="http://schemas.openxmlformats.org/officeDocument/2006/relationships/tags" Target="../tags/tag112.xml"/><Relationship Id="rId37" Type="http://schemas.openxmlformats.org/officeDocument/2006/relationships/tags" Target="../tags/tag117.xml"/><Relationship Id="rId40" Type="http://schemas.openxmlformats.org/officeDocument/2006/relationships/tags" Target="../tags/tag120.xml"/><Relationship Id="rId45" Type="http://schemas.openxmlformats.org/officeDocument/2006/relationships/tags" Target="../tags/tag125.xml"/><Relationship Id="rId53" Type="http://schemas.openxmlformats.org/officeDocument/2006/relationships/tags" Target="../tags/tag133.xml"/><Relationship Id="rId58" Type="http://schemas.openxmlformats.org/officeDocument/2006/relationships/tags" Target="../tags/tag138.xml"/><Relationship Id="rId5" Type="http://schemas.openxmlformats.org/officeDocument/2006/relationships/tags" Target="../tags/tag85.xml"/><Relationship Id="rId15" Type="http://schemas.openxmlformats.org/officeDocument/2006/relationships/tags" Target="../tags/tag95.xml"/><Relationship Id="rId23" Type="http://schemas.openxmlformats.org/officeDocument/2006/relationships/tags" Target="../tags/tag103.xml"/><Relationship Id="rId28" Type="http://schemas.openxmlformats.org/officeDocument/2006/relationships/tags" Target="../tags/tag108.xml"/><Relationship Id="rId36" Type="http://schemas.openxmlformats.org/officeDocument/2006/relationships/tags" Target="../tags/tag116.xml"/><Relationship Id="rId49" Type="http://schemas.openxmlformats.org/officeDocument/2006/relationships/tags" Target="../tags/tag129.xml"/><Relationship Id="rId57" Type="http://schemas.openxmlformats.org/officeDocument/2006/relationships/tags" Target="../tags/tag137.xml"/><Relationship Id="rId61" Type="http://schemas.openxmlformats.org/officeDocument/2006/relationships/tags" Target="../tags/tag141.xml"/><Relationship Id="rId10" Type="http://schemas.openxmlformats.org/officeDocument/2006/relationships/tags" Target="../tags/tag90.xml"/><Relationship Id="rId19" Type="http://schemas.openxmlformats.org/officeDocument/2006/relationships/tags" Target="../tags/tag99.xml"/><Relationship Id="rId31" Type="http://schemas.openxmlformats.org/officeDocument/2006/relationships/tags" Target="../tags/tag111.xml"/><Relationship Id="rId44" Type="http://schemas.openxmlformats.org/officeDocument/2006/relationships/tags" Target="../tags/tag124.xml"/><Relationship Id="rId52" Type="http://schemas.openxmlformats.org/officeDocument/2006/relationships/tags" Target="../tags/tag132.xml"/><Relationship Id="rId60" Type="http://schemas.openxmlformats.org/officeDocument/2006/relationships/tags" Target="../tags/tag140.xml"/><Relationship Id="rId4" Type="http://schemas.openxmlformats.org/officeDocument/2006/relationships/tags" Target="../tags/tag84.xml"/><Relationship Id="rId9" Type="http://schemas.openxmlformats.org/officeDocument/2006/relationships/tags" Target="../tags/tag89.xml"/><Relationship Id="rId14" Type="http://schemas.openxmlformats.org/officeDocument/2006/relationships/tags" Target="../tags/tag94.xml"/><Relationship Id="rId22" Type="http://schemas.openxmlformats.org/officeDocument/2006/relationships/tags" Target="../tags/tag102.xml"/><Relationship Id="rId27" Type="http://schemas.openxmlformats.org/officeDocument/2006/relationships/tags" Target="../tags/tag107.xml"/><Relationship Id="rId30" Type="http://schemas.openxmlformats.org/officeDocument/2006/relationships/tags" Target="../tags/tag110.xml"/><Relationship Id="rId35" Type="http://schemas.openxmlformats.org/officeDocument/2006/relationships/tags" Target="../tags/tag115.xml"/><Relationship Id="rId43" Type="http://schemas.openxmlformats.org/officeDocument/2006/relationships/tags" Target="../tags/tag123.xml"/><Relationship Id="rId48" Type="http://schemas.openxmlformats.org/officeDocument/2006/relationships/tags" Target="../tags/tag128.xml"/><Relationship Id="rId56" Type="http://schemas.openxmlformats.org/officeDocument/2006/relationships/tags" Target="../tags/tag136.xml"/><Relationship Id="rId8" Type="http://schemas.openxmlformats.org/officeDocument/2006/relationships/tags" Target="../tags/tag88.xml"/><Relationship Id="rId51" Type="http://schemas.openxmlformats.org/officeDocument/2006/relationships/tags" Target="../tags/tag131.xml"/><Relationship Id="rId3" Type="http://schemas.openxmlformats.org/officeDocument/2006/relationships/tags" Target="../tags/tag83.xml"/><Relationship Id="rId12" Type="http://schemas.openxmlformats.org/officeDocument/2006/relationships/tags" Target="../tags/tag92.xml"/><Relationship Id="rId17" Type="http://schemas.openxmlformats.org/officeDocument/2006/relationships/tags" Target="../tags/tag97.xml"/><Relationship Id="rId25" Type="http://schemas.openxmlformats.org/officeDocument/2006/relationships/tags" Target="../tags/tag105.xml"/><Relationship Id="rId33" Type="http://schemas.openxmlformats.org/officeDocument/2006/relationships/tags" Target="../tags/tag113.xml"/><Relationship Id="rId38" Type="http://schemas.openxmlformats.org/officeDocument/2006/relationships/tags" Target="../tags/tag118.xml"/><Relationship Id="rId46" Type="http://schemas.openxmlformats.org/officeDocument/2006/relationships/tags" Target="../tags/tag126.xml"/><Relationship Id="rId59" Type="http://schemas.openxmlformats.org/officeDocument/2006/relationships/tags" Target="../tags/tag1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8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" name="OTLSHAPE_M_b455bc4dae7c461abf4370b9dbb25398_Connector1">
            <a:extLst>
              <a:ext uri="{FF2B5EF4-FFF2-40B4-BE49-F238E27FC236}">
                <a16:creationId xmlns:a16="http://schemas.microsoft.com/office/drawing/2014/main" id="{6DE4CAFB-9819-4552-85D3-1A091FF0DD35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292577" y="2049160"/>
            <a:ext cx="0" cy="21641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1dc7e7c06124e4699a398a6bc13bcdd_Connector1">
            <a:extLst>
              <a:ext uri="{FF2B5EF4-FFF2-40B4-BE49-F238E27FC236}">
                <a16:creationId xmlns:a16="http://schemas.microsoft.com/office/drawing/2014/main" id="{B057E7AC-0343-4B13-9737-B9CED305486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3617406" y="4594284"/>
            <a:ext cx="0" cy="1099882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ef3b7ad8bce84fb5a759950d8bedf114_Connector1">
            <a:extLst>
              <a:ext uri="{FF2B5EF4-FFF2-40B4-BE49-F238E27FC236}">
                <a16:creationId xmlns:a16="http://schemas.microsoft.com/office/drawing/2014/main" id="{F63D85D3-2E43-463C-B71D-6D83D869615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3764381" y="534120"/>
            <a:ext cx="0" cy="68802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ef3b7ad8bce84fb5a759950d8bedf114_Connector2">
            <a:extLst>
              <a:ext uri="{FF2B5EF4-FFF2-40B4-BE49-F238E27FC236}">
                <a16:creationId xmlns:a16="http://schemas.microsoft.com/office/drawing/2014/main" id="{69E3962A-DFEC-4914-99F4-B1C56571397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764381" y="1424832"/>
            <a:ext cx="0" cy="59828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66150383148b44fca7df887730aae49b_Connector1">
            <a:extLst>
              <a:ext uri="{FF2B5EF4-FFF2-40B4-BE49-F238E27FC236}">
                <a16:creationId xmlns:a16="http://schemas.microsoft.com/office/drawing/2014/main" id="{401B30B8-5D09-4ACA-95C2-253BDBBCAC0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056731" y="2479304"/>
            <a:ext cx="0" cy="1733981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3fe0a473f41441efa5443734815eee9b_Connector1">
            <a:extLst>
              <a:ext uri="{FF2B5EF4-FFF2-40B4-BE49-F238E27FC236}">
                <a16:creationId xmlns:a16="http://schemas.microsoft.com/office/drawing/2014/main" id="{A47DD351-4928-46C4-B6C5-EAED651F9B2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852103" y="4594285"/>
            <a:ext cx="0" cy="777999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8ff127b986d049eca4d5aa09e5e488db_Connector1">
            <a:extLst>
              <a:ext uri="{FF2B5EF4-FFF2-40B4-BE49-F238E27FC236}">
                <a16:creationId xmlns:a16="http://schemas.microsoft.com/office/drawing/2014/main" id="{4E4A71DC-400E-4919-A9EF-38858BE8D5F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876530" y="4594285"/>
            <a:ext cx="0" cy="434802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8ff127b986d049eca4d5aa09e5e488db_Connector2">
            <a:extLst>
              <a:ext uri="{FF2B5EF4-FFF2-40B4-BE49-F238E27FC236}">
                <a16:creationId xmlns:a16="http://schemas.microsoft.com/office/drawing/2014/main" id="{09684339-396B-4A85-A93D-BC8F7CEC22F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876530" y="5231778"/>
            <a:ext cx="0" cy="393997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82bc68a3b2f64ae0b5da7263f58abba9_Connector1">
            <a:extLst>
              <a:ext uri="{FF2B5EF4-FFF2-40B4-BE49-F238E27FC236}">
                <a16:creationId xmlns:a16="http://schemas.microsoft.com/office/drawing/2014/main" id="{6F605162-5DA1-42CD-BC78-19C4D800580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162091" y="553486"/>
            <a:ext cx="0" cy="387879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82bc68a3b2f64ae0b5da7263f58abba9_Connector2">
            <a:extLst>
              <a:ext uri="{FF2B5EF4-FFF2-40B4-BE49-F238E27FC236}">
                <a16:creationId xmlns:a16="http://schemas.microsoft.com/office/drawing/2014/main" id="{3E2A97F1-F310-4E5A-9C1D-9700E1D8629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162091" y="1144057"/>
            <a:ext cx="0" cy="451072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M_ef3b7ad8bce84fb5a759950d8bedf114_Connector3">
            <a:extLst>
              <a:ext uri="{FF2B5EF4-FFF2-40B4-BE49-F238E27FC236}">
                <a16:creationId xmlns:a16="http://schemas.microsoft.com/office/drawing/2014/main" id="{A36CC86E-5B03-4036-A2E0-A888965FD4F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764381" y="2225811"/>
            <a:ext cx="0" cy="1987472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M_2940547142b340fa8a99f085d853e7a6_Connector1">
            <a:extLst>
              <a:ext uri="{FF2B5EF4-FFF2-40B4-BE49-F238E27FC236}">
                <a16:creationId xmlns:a16="http://schemas.microsoft.com/office/drawing/2014/main" id="{529F2247-0387-492B-967A-27B5C556AF9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494859" y="1678324"/>
            <a:ext cx="0" cy="344796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2940547142b340fa8a99f085d853e7a6_Connector2">
            <a:extLst>
              <a:ext uri="{FF2B5EF4-FFF2-40B4-BE49-F238E27FC236}">
                <a16:creationId xmlns:a16="http://schemas.microsoft.com/office/drawing/2014/main" id="{E5ED208A-3E73-4DBD-A9CA-BB7BF35A0B78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494859" y="2225811"/>
            <a:ext cx="0" cy="1987472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M_331d7446a9714abfad7919259b92171d_Connector1">
            <a:extLst>
              <a:ext uri="{FF2B5EF4-FFF2-40B4-BE49-F238E27FC236}">
                <a16:creationId xmlns:a16="http://schemas.microsoft.com/office/drawing/2014/main" id="{DA551747-E529-4410-A054-38CF35975CF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686693" y="980548"/>
            <a:ext cx="0" cy="3232736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M_82bc68a3b2f64ae0b5da7263f58abba9_Connector3">
            <a:extLst>
              <a:ext uri="{FF2B5EF4-FFF2-40B4-BE49-F238E27FC236}">
                <a16:creationId xmlns:a16="http://schemas.microsoft.com/office/drawing/2014/main" id="{E3C821D7-C454-4F9E-BDBB-5BBBA08D045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162091" y="1797821"/>
            <a:ext cx="0" cy="2415462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M_c4cc5af0d7bf4825ae2fb0107f812ea8_Connector1">
            <a:extLst>
              <a:ext uri="{FF2B5EF4-FFF2-40B4-BE49-F238E27FC236}">
                <a16:creationId xmlns:a16="http://schemas.microsoft.com/office/drawing/2014/main" id="{89794531-4755-4CE4-88FA-4AC1BA78D4DC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932986" y="4594284"/>
            <a:ext cx="0" cy="1353374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M_8ff127b986d049eca4d5aa09e5e488db_Connector3">
            <a:extLst>
              <a:ext uri="{FF2B5EF4-FFF2-40B4-BE49-F238E27FC236}">
                <a16:creationId xmlns:a16="http://schemas.microsoft.com/office/drawing/2014/main" id="{5D3663C3-70E4-4D0A-A510-1360CF29A5D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876530" y="5828467"/>
            <a:ext cx="0" cy="32690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M_c4cc5af0d7bf4825ae2fb0107f812ea8_Connector2">
            <a:extLst>
              <a:ext uri="{FF2B5EF4-FFF2-40B4-BE49-F238E27FC236}">
                <a16:creationId xmlns:a16="http://schemas.microsoft.com/office/drawing/2014/main" id="{EF3A19C0-6F94-45BA-BC07-F415A3FFDD9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932986" y="6150350"/>
            <a:ext cx="0" cy="180216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M_8d7109c555dc43dc848a65224631fc5a_Connector1">
            <a:extLst>
              <a:ext uri="{FF2B5EF4-FFF2-40B4-BE49-F238E27FC236}">
                <a16:creationId xmlns:a16="http://schemas.microsoft.com/office/drawing/2014/main" id="{6CAE44C8-4115-4250-81AA-992CBB58A501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876929" y="1397550"/>
            <a:ext cx="0" cy="19758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M_8d7109c555dc43dc848a65224631fc5a_Connector2">
            <a:extLst>
              <a:ext uri="{FF2B5EF4-FFF2-40B4-BE49-F238E27FC236}">
                <a16:creationId xmlns:a16="http://schemas.microsoft.com/office/drawing/2014/main" id="{E8F67949-FC85-4237-9EC0-3F39B468305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876929" y="2025914"/>
            <a:ext cx="0" cy="218737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M_d4c34e77741f4f58947347f4453cce44_Connector1">
            <a:extLst>
              <a:ext uri="{FF2B5EF4-FFF2-40B4-BE49-F238E27FC236}">
                <a16:creationId xmlns:a16="http://schemas.microsoft.com/office/drawing/2014/main" id="{915CC3D8-350C-43B3-9D94-DA0A1B56AEF7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875859" y="2922039"/>
            <a:ext cx="0" cy="129124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A55ECD6-6066-4123-98EA-26BE5FEB87C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44465" y="4276784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9B181C"/>
              </a:gs>
              <a:gs pos="100000">
                <a:srgbClr val="7F1417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FAED47D-48D3-484B-9872-7A7ED9E98E6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07965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5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686491D-60D3-489F-8DDB-DA551F4D402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783421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58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E82615A-A870-4813-A52E-E32C1206774C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658477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64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EAAB477-EB44-4F21-8FD6-974C1B5AB69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533932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70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DA2E5526-1878-45F4-BD42-3E3E4D66D45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408989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76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0BF0AE2-AAA2-404E-B43A-21AEF08CCCB9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284444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2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9B20C05A-19A2-414F-A05B-B283D2E24B37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159500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91169CA4-F401-4C66-BE71-D5B2528E4267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034955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4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9F143075-329F-49E5-8B24-63B6EBC47A1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7910012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7A8CABEF-9960-4016-96F5-E0595A6A7F4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785467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165" name="OTLSHAPE_TB_00000000000000000000000000000000_TimescaleInterval11">
            <a:extLst>
              <a:ext uri="{FF2B5EF4-FFF2-40B4-BE49-F238E27FC236}">
                <a16:creationId xmlns:a16="http://schemas.microsoft.com/office/drawing/2014/main" id="{B7C71826-10DF-4350-9521-47D80452AC2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660523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166" name="OTLSHAPE_TB_00000000000000000000000000000000_TimescaleInterval12">
            <a:extLst>
              <a:ext uri="{FF2B5EF4-FFF2-40B4-BE49-F238E27FC236}">
                <a16:creationId xmlns:a16="http://schemas.microsoft.com/office/drawing/2014/main" id="{31BA00B9-E8B1-475F-8EE4-A54262D7EF9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535979" y="4314884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26" name="OTLSHAPE_M_77de803d86b54684a856f5499e16f0b2_Shape">
            <a:extLst>
              <a:ext uri="{FF2B5EF4-FFF2-40B4-BE49-F238E27FC236}">
                <a16:creationId xmlns:a16="http://schemas.microsoft.com/office/drawing/2014/main" id="{8853F400-0462-45BB-AEEA-010A4C1850E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189524" y="4467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M_01dc7e7c06124e4699a398a6bc13bcdd_Shape">
            <a:extLst>
              <a:ext uri="{FF2B5EF4-FFF2-40B4-BE49-F238E27FC236}">
                <a16:creationId xmlns:a16="http://schemas.microsoft.com/office/drawing/2014/main" id="{0BEEC2A6-287A-4972-8239-55E6CA86AD7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503106" y="4467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M_ef3b7ad8bce84fb5a759950d8bedf114_Shape">
            <a:extLst>
              <a:ext uri="{FF2B5EF4-FFF2-40B4-BE49-F238E27FC236}">
                <a16:creationId xmlns:a16="http://schemas.microsoft.com/office/drawing/2014/main" id="{879BCD21-F6D4-4D55-AE3D-799CB047F9D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650081" y="4086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M_66150383148b44fca7df887730aae49b_Shape">
            <a:extLst>
              <a:ext uri="{FF2B5EF4-FFF2-40B4-BE49-F238E27FC236}">
                <a16:creationId xmlns:a16="http://schemas.microsoft.com/office/drawing/2014/main" id="{CF19529F-5DB9-4626-A0FF-0C7202DE61B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942431" y="4086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M_2940547142b340fa8a99f085d853e7a6_Shape">
            <a:extLst>
              <a:ext uri="{FF2B5EF4-FFF2-40B4-BE49-F238E27FC236}">
                <a16:creationId xmlns:a16="http://schemas.microsoft.com/office/drawing/2014/main" id="{2DB525B2-9A4F-4AAF-A695-FCA766916A9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380559" y="4086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M_c4cc5af0d7bf4825ae2fb0107f812ea8_Shape">
            <a:extLst>
              <a:ext uri="{FF2B5EF4-FFF2-40B4-BE49-F238E27FC236}">
                <a16:creationId xmlns:a16="http://schemas.microsoft.com/office/drawing/2014/main" id="{8561D4CE-33F4-4FBD-8D81-C050DA135BB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818686" y="4467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M_331d7446a9714abfad7919259b92171d_Shape">
            <a:extLst>
              <a:ext uri="{FF2B5EF4-FFF2-40B4-BE49-F238E27FC236}">
                <a16:creationId xmlns:a16="http://schemas.microsoft.com/office/drawing/2014/main" id="{735C6D90-36E5-4777-9BC2-F56AE797AFD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572393" y="4086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M_3fe0a473f41441efa5443734815eee9b_Shape">
            <a:extLst>
              <a:ext uri="{FF2B5EF4-FFF2-40B4-BE49-F238E27FC236}">
                <a16:creationId xmlns:a16="http://schemas.microsoft.com/office/drawing/2014/main" id="{AFDC7E76-4F20-4053-808E-A1D6EC88D66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737803" y="4467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M_09ab31e49ae44d3d89d9373a52efa638_Shape">
            <a:extLst>
              <a:ext uri="{FF2B5EF4-FFF2-40B4-BE49-F238E27FC236}">
                <a16:creationId xmlns:a16="http://schemas.microsoft.com/office/drawing/2014/main" id="{98FCB68E-AE68-4D39-B704-1C961A55F07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761430" y="4086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M_8ff127b986d049eca4d5aa09e5e488db_Shape">
            <a:extLst>
              <a:ext uri="{FF2B5EF4-FFF2-40B4-BE49-F238E27FC236}">
                <a16:creationId xmlns:a16="http://schemas.microsoft.com/office/drawing/2014/main" id="{3515F292-98B5-4D6F-B507-0DE2268799E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762230" y="4467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M_8d7109c555dc43dc848a65224631fc5a_Shape">
            <a:extLst>
              <a:ext uri="{FF2B5EF4-FFF2-40B4-BE49-F238E27FC236}">
                <a16:creationId xmlns:a16="http://schemas.microsoft.com/office/drawing/2014/main" id="{41AE301E-19D7-4990-8889-38F7F6E3919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762629" y="4086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M_82bc68a3b2f64ae0b5da7263f58abba9_Shape">
            <a:extLst>
              <a:ext uri="{FF2B5EF4-FFF2-40B4-BE49-F238E27FC236}">
                <a16:creationId xmlns:a16="http://schemas.microsoft.com/office/drawing/2014/main" id="{0B6AC63A-804A-4819-92EC-9323E476D32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047791" y="4086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M_6488f2d3029c43ef9762854b77bcd0e1_Shape">
            <a:extLst>
              <a:ext uri="{FF2B5EF4-FFF2-40B4-BE49-F238E27FC236}">
                <a16:creationId xmlns:a16="http://schemas.microsoft.com/office/drawing/2014/main" id="{4173478A-9E4A-4D6D-8E43-BEEB24911AFE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492308" y="4467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M_d4c34e77741f4f58947347f4453cce44_Shape">
            <a:extLst>
              <a:ext uri="{FF2B5EF4-FFF2-40B4-BE49-F238E27FC236}">
                <a16:creationId xmlns:a16="http://schemas.microsoft.com/office/drawing/2014/main" id="{80904506-A8A8-4747-9458-3AF4E0028FE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0761559" y="4086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M_b455bc4dae7c461abf4370b9dbb25398_Shape">
            <a:extLst>
              <a:ext uri="{FF2B5EF4-FFF2-40B4-BE49-F238E27FC236}">
                <a16:creationId xmlns:a16="http://schemas.microsoft.com/office/drawing/2014/main" id="{4C4A52A1-336E-4146-A940-0FB39848BB64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178277" y="40862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b455bc4dae7c461abf4370b9dbb25398_Title">
            <a:extLst>
              <a:ext uri="{FF2B5EF4-FFF2-40B4-BE49-F238E27FC236}">
                <a16:creationId xmlns:a16="http://schemas.microsoft.com/office/drawing/2014/main" id="{40BE0F1D-C8D4-4295-97FA-249E08425CF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9056" y="1390283"/>
            <a:ext cx="24765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nl-NL" sz="1200" b="1" spc="-4" dirty="0">
                <a:solidFill>
                  <a:schemeClr val="lt2"/>
                </a:solidFill>
                <a:latin typeface="Segoe UI" panose="020B0502040204020203" pitchFamily="34" charset="0"/>
              </a:rPr>
              <a:t>Born in Amsterdam to Jan and Eugenia Van Halen (née van Beers)</a:t>
            </a:r>
            <a:endParaRPr lang="en-US" sz="1200" b="1" spc="-4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60" name="OTLSHAPE_M_b455bc4dae7c461abf4370b9dbb25398_Date">
            <a:extLst>
              <a:ext uri="{FF2B5EF4-FFF2-40B4-BE49-F238E27FC236}">
                <a16:creationId xmlns:a16="http://schemas.microsoft.com/office/drawing/2014/main" id="{3E4ADFCC-702E-4F4D-A4A9-A96E212C87D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121889" y="1821067"/>
            <a:ext cx="330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1955</a:t>
            </a:r>
          </a:p>
        </p:txBody>
      </p:sp>
      <p:sp>
        <p:nvSpPr>
          <p:cNvPr id="62" name="OTLSHAPE_M_77de803d86b54684a856f5499e16f0b2_Title">
            <a:extLst>
              <a:ext uri="{FF2B5EF4-FFF2-40B4-BE49-F238E27FC236}">
                <a16:creationId xmlns:a16="http://schemas.microsoft.com/office/drawing/2014/main" id="{640178FA-5E4A-48FB-9636-B2F9A08C886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15540" y="5037584"/>
            <a:ext cx="21717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>
                <a:solidFill>
                  <a:schemeClr val="lt2"/>
                </a:solidFill>
                <a:latin typeface="Segoe UI" panose="020B0502040204020203" pitchFamily="34" charset="0"/>
              </a:rPr>
              <a:t>Family moves to Pasadena, CA</a:t>
            </a:r>
          </a:p>
        </p:txBody>
      </p:sp>
      <p:sp>
        <p:nvSpPr>
          <p:cNvPr id="63" name="OTLSHAPE_M_77de803d86b54684a856f5499e16f0b2_Date">
            <a:extLst>
              <a:ext uri="{FF2B5EF4-FFF2-40B4-BE49-F238E27FC236}">
                <a16:creationId xmlns:a16="http://schemas.microsoft.com/office/drawing/2014/main" id="{76C3DE88-B069-40D2-91EC-0726877F7DD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133136" y="4809492"/>
            <a:ext cx="342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1962</a:t>
            </a:r>
          </a:p>
        </p:txBody>
      </p:sp>
      <p:sp>
        <p:nvSpPr>
          <p:cNvPr id="65" name="OTLSHAPE_M_01dc7e7c06124e4699a398a6bc13bcdd_Title">
            <a:extLst>
              <a:ext uri="{FF2B5EF4-FFF2-40B4-BE49-F238E27FC236}">
                <a16:creationId xmlns:a16="http://schemas.microsoft.com/office/drawing/2014/main" id="{0603C4DC-F355-4CC6-9E96-40247C0CC88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190858" y="5947658"/>
            <a:ext cx="2844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b="1" spc="-2">
                <a:solidFill>
                  <a:schemeClr val="lt2"/>
                </a:solidFill>
                <a:latin typeface="Segoe UI" panose="020B0502040204020203" pitchFamily="34" charset="0"/>
              </a:rPr>
              <a:t>Invents "tapping" guitar solo technique</a:t>
            </a:r>
            <a:endParaRPr lang="en-US" sz="1200" b="1" spc="-2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66" name="OTLSHAPE_M_01dc7e7c06124e4699a398a6bc13bcdd_Date">
            <a:extLst>
              <a:ext uri="{FF2B5EF4-FFF2-40B4-BE49-F238E27FC236}">
                <a16:creationId xmlns:a16="http://schemas.microsoft.com/office/drawing/2014/main" id="{361187AE-E61B-424F-A9E9-E7D60EEE722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446718" y="5719566"/>
            <a:ext cx="342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1971</a:t>
            </a:r>
          </a:p>
        </p:txBody>
      </p:sp>
      <p:sp>
        <p:nvSpPr>
          <p:cNvPr id="68" name="OTLSHAPE_M_ef3b7ad8bce84fb5a759950d8bedf114_Title">
            <a:extLst>
              <a:ext uri="{FF2B5EF4-FFF2-40B4-BE49-F238E27FC236}">
                <a16:creationId xmlns:a16="http://schemas.microsoft.com/office/drawing/2014/main" id="{B521B26F-BE33-47E0-8F4E-CE4CB79E852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213838" y="77936"/>
            <a:ext cx="3098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>
                <a:solidFill>
                  <a:schemeClr val="lt2"/>
                </a:solidFill>
                <a:latin typeface="Segoe UI" panose="020B0502040204020203" pitchFamily="34" charset="0"/>
              </a:rPr>
              <a:t>Forms band "Mammoth" with brother Alex</a:t>
            </a:r>
          </a:p>
        </p:txBody>
      </p:sp>
      <p:sp>
        <p:nvSpPr>
          <p:cNvPr id="69" name="OTLSHAPE_M_ef3b7ad8bce84fb5a759950d8bedf114_Date">
            <a:extLst>
              <a:ext uri="{FF2B5EF4-FFF2-40B4-BE49-F238E27FC236}">
                <a16:creationId xmlns:a16="http://schemas.microsoft.com/office/drawing/2014/main" id="{A7CFF4F1-A637-43F9-B714-714F10C56D3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593693" y="306028"/>
            <a:ext cx="342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1972</a:t>
            </a:r>
          </a:p>
        </p:txBody>
      </p:sp>
      <p:sp>
        <p:nvSpPr>
          <p:cNvPr id="71" name="OTLSHAPE_M_66150383148b44fca7df887730aae49b_Title">
            <a:extLst>
              <a:ext uri="{FF2B5EF4-FFF2-40B4-BE49-F238E27FC236}">
                <a16:creationId xmlns:a16="http://schemas.microsoft.com/office/drawing/2014/main" id="{4E4C5536-7C1A-4D88-9805-35135E07F3B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878341" y="2023119"/>
            <a:ext cx="2349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NL" sz="1200" b="1" spc="-4">
                <a:solidFill>
                  <a:schemeClr val="lt2"/>
                </a:solidFill>
                <a:latin typeface="Segoe UI" panose="020B0502040204020203" pitchFamily="34" charset="0"/>
              </a:rPr>
              <a:t>Mammoth is renamed Van Halen</a:t>
            </a:r>
            <a:endParaRPr lang="en-US" sz="1200" b="1" spc="-4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72" name="OTLSHAPE_M_66150383148b44fca7df887730aae49b_Date">
            <a:extLst>
              <a:ext uri="{FF2B5EF4-FFF2-40B4-BE49-F238E27FC236}">
                <a16:creationId xmlns:a16="http://schemas.microsoft.com/office/drawing/2014/main" id="{DD393389-A3D2-4232-98FC-59E4C80BEFC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886044" y="2251211"/>
            <a:ext cx="342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1974</a:t>
            </a:r>
          </a:p>
        </p:txBody>
      </p:sp>
      <p:sp>
        <p:nvSpPr>
          <p:cNvPr id="74" name="OTLSHAPE_M_2940547142b340fa8a99f085d853e7a6_Title">
            <a:extLst>
              <a:ext uri="{FF2B5EF4-FFF2-40B4-BE49-F238E27FC236}">
                <a16:creationId xmlns:a16="http://schemas.microsoft.com/office/drawing/2014/main" id="{23F2DAE4-CE12-4FC9-ACEF-0BBADD7AE58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58916" y="1222140"/>
            <a:ext cx="2463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>
                <a:solidFill>
                  <a:schemeClr val="lt2"/>
                </a:solidFill>
                <a:latin typeface="Segoe UI" panose="020B0502040204020203" pitchFamily="34" charset="0"/>
              </a:rPr>
              <a:t>Offered recording deal by Warner </a:t>
            </a:r>
          </a:p>
        </p:txBody>
      </p:sp>
      <p:sp>
        <p:nvSpPr>
          <p:cNvPr id="75" name="OTLSHAPE_M_2940547142b340fa8a99f085d853e7a6_Date">
            <a:extLst>
              <a:ext uri="{FF2B5EF4-FFF2-40B4-BE49-F238E27FC236}">
                <a16:creationId xmlns:a16="http://schemas.microsoft.com/office/drawing/2014/main" id="{BE3BF5AB-9C40-4C15-8824-5E36F6AF898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324171" y="1450232"/>
            <a:ext cx="342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1977</a:t>
            </a:r>
          </a:p>
        </p:txBody>
      </p:sp>
      <p:sp>
        <p:nvSpPr>
          <p:cNvPr id="77" name="OTLSHAPE_M_c4cc5af0d7bf4825ae2fb0107f812ea8_Title">
            <a:extLst>
              <a:ext uri="{FF2B5EF4-FFF2-40B4-BE49-F238E27FC236}">
                <a16:creationId xmlns:a16="http://schemas.microsoft.com/office/drawing/2014/main" id="{421BF76D-B59B-4D14-B4A0-ED20677DC36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778048" y="6584058"/>
            <a:ext cx="22987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>
                <a:solidFill>
                  <a:schemeClr val="lt2"/>
                </a:solidFill>
                <a:latin typeface="Segoe UI" panose="020B0502040204020203" pitchFamily="34" charset="0"/>
              </a:rPr>
              <a:t>Marries actress Valerie Bertinelli</a:t>
            </a:r>
          </a:p>
        </p:txBody>
      </p:sp>
      <p:sp>
        <p:nvSpPr>
          <p:cNvPr id="78" name="OTLSHAPE_M_c4cc5af0d7bf4825ae2fb0107f812ea8_Date">
            <a:extLst>
              <a:ext uri="{FF2B5EF4-FFF2-40B4-BE49-F238E27FC236}">
                <a16:creationId xmlns:a16="http://schemas.microsoft.com/office/drawing/2014/main" id="{AB3A20CF-E51D-428B-A3E5-F96083C4026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762298" y="6355966"/>
            <a:ext cx="330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1980</a:t>
            </a:r>
          </a:p>
        </p:txBody>
      </p:sp>
      <p:sp>
        <p:nvSpPr>
          <p:cNvPr id="80" name="OTLSHAPE_M_331d7446a9714abfad7919259b92171d_Title">
            <a:extLst>
              <a:ext uri="{FF2B5EF4-FFF2-40B4-BE49-F238E27FC236}">
                <a16:creationId xmlns:a16="http://schemas.microsoft.com/office/drawing/2014/main" id="{5213C914-6144-43CE-8C2A-CC218C0B22F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797441" y="524364"/>
            <a:ext cx="3771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>
                <a:solidFill>
                  <a:schemeClr val="lt2"/>
                </a:solidFill>
                <a:latin typeface="Segoe UI" panose="020B0502040204020203" pitchFamily="34" charset="0"/>
              </a:rPr>
              <a:t>Band Wins Grammy for Best Hard Rock Performance</a:t>
            </a:r>
          </a:p>
        </p:txBody>
      </p:sp>
      <p:sp>
        <p:nvSpPr>
          <p:cNvPr id="81" name="OTLSHAPE_M_331d7446a9714abfad7919259b92171d_Date">
            <a:extLst>
              <a:ext uri="{FF2B5EF4-FFF2-40B4-BE49-F238E27FC236}">
                <a16:creationId xmlns:a16="http://schemas.microsoft.com/office/drawing/2014/main" id="{7865C359-CA47-4155-AF45-90E78439C26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516005" y="752456"/>
            <a:ext cx="330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1992</a:t>
            </a:r>
          </a:p>
        </p:txBody>
      </p:sp>
      <p:sp>
        <p:nvSpPr>
          <p:cNvPr id="86" name="OTLSHAPE_M_3fe0a473f41441efa5443734815eee9b_Title">
            <a:extLst>
              <a:ext uri="{FF2B5EF4-FFF2-40B4-BE49-F238E27FC236}">
                <a16:creationId xmlns:a16="http://schemas.microsoft.com/office/drawing/2014/main" id="{ED5F01EC-A0A4-4673-96E5-1102E2FA1A6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601640" y="5625775"/>
            <a:ext cx="2489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>
                <a:solidFill>
                  <a:schemeClr val="lt2"/>
                </a:solidFill>
                <a:latin typeface="Segoe UI" panose="020B0502040204020203" pitchFamily="34" charset="0"/>
              </a:rPr>
              <a:t>Starts treatment for tongue cancer</a:t>
            </a:r>
          </a:p>
        </p:txBody>
      </p:sp>
      <p:sp>
        <p:nvSpPr>
          <p:cNvPr id="87" name="OTLSHAPE_M_3fe0a473f41441efa5443734815eee9b_Date">
            <a:extLst>
              <a:ext uri="{FF2B5EF4-FFF2-40B4-BE49-F238E27FC236}">
                <a16:creationId xmlns:a16="http://schemas.microsoft.com/office/drawing/2014/main" id="{DEDF956A-D89C-434F-89A0-D906BF39407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681415" y="5397683"/>
            <a:ext cx="330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2000</a:t>
            </a:r>
          </a:p>
        </p:txBody>
      </p:sp>
      <p:sp>
        <p:nvSpPr>
          <p:cNvPr id="92" name="OTLSHAPE_M_09ab31e49ae44d3d89d9373a52efa638_Title">
            <a:extLst>
              <a:ext uri="{FF2B5EF4-FFF2-40B4-BE49-F238E27FC236}">
                <a16:creationId xmlns:a16="http://schemas.microsoft.com/office/drawing/2014/main" id="{A87F2FB6-E257-40AB-A7E4-4C1E3EA7E58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332088" y="1595130"/>
            <a:ext cx="30861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2">
                <a:solidFill>
                  <a:schemeClr val="lt2"/>
                </a:solidFill>
                <a:latin typeface="Segoe UI" panose="020B0502040204020203" pitchFamily="34" charset="0"/>
              </a:rPr>
              <a:t>Is inducted into Rock and Roll Hall of Fame</a:t>
            </a:r>
          </a:p>
        </p:txBody>
      </p:sp>
      <p:sp>
        <p:nvSpPr>
          <p:cNvPr id="93" name="OTLSHAPE_M_09ab31e49ae44d3d89d9373a52efa638_Date">
            <a:extLst>
              <a:ext uri="{FF2B5EF4-FFF2-40B4-BE49-F238E27FC236}">
                <a16:creationId xmlns:a16="http://schemas.microsoft.com/office/drawing/2014/main" id="{821962DA-6B2A-4DBC-B37F-B5E65FC28D6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705042" y="1823222"/>
            <a:ext cx="330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 dirty="0">
                <a:solidFill>
                  <a:schemeClr val="accent4"/>
                </a:solidFill>
                <a:latin typeface="Segoe UI" panose="020B0502040204020203" pitchFamily="34" charset="0"/>
              </a:rPr>
              <a:t>2007</a:t>
            </a:r>
          </a:p>
        </p:txBody>
      </p:sp>
      <p:sp>
        <p:nvSpPr>
          <p:cNvPr id="95" name="OTLSHAPE_M_8ff127b986d049eca4d5aa09e5e488db_Title">
            <a:extLst>
              <a:ext uri="{FF2B5EF4-FFF2-40B4-BE49-F238E27FC236}">
                <a16:creationId xmlns:a16="http://schemas.microsoft.com/office/drawing/2014/main" id="{63881B6E-A671-4DD2-9014-29014E602F4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311699" y="6408868"/>
            <a:ext cx="3124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2">
                <a:solidFill>
                  <a:schemeClr val="lt2"/>
                </a:solidFill>
                <a:latin typeface="Segoe UI" panose="020B0502040204020203" pitchFamily="34" charset="0"/>
              </a:rPr>
              <a:t>Enters rehab for alcoholism and drug abuse</a:t>
            </a:r>
          </a:p>
        </p:txBody>
      </p:sp>
      <p:sp>
        <p:nvSpPr>
          <p:cNvPr id="96" name="OTLSHAPE_M_8ff127b986d049eca4d5aa09e5e488db_Date">
            <a:extLst>
              <a:ext uri="{FF2B5EF4-FFF2-40B4-BE49-F238E27FC236}">
                <a16:creationId xmlns:a16="http://schemas.microsoft.com/office/drawing/2014/main" id="{C57DCE1E-531F-4F49-882C-4C9118D41CA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705841" y="6180776"/>
            <a:ext cx="330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2007</a:t>
            </a:r>
          </a:p>
        </p:txBody>
      </p:sp>
      <p:sp>
        <p:nvSpPr>
          <p:cNvPr id="98" name="OTLSHAPE_M_8d7109c555dc43dc848a65224631fc5a_Title">
            <a:extLst>
              <a:ext uri="{FF2B5EF4-FFF2-40B4-BE49-F238E27FC236}">
                <a16:creationId xmlns:a16="http://schemas.microsoft.com/office/drawing/2014/main" id="{84514566-FECD-4922-A12F-C11FAAB5D76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386986" y="941366"/>
            <a:ext cx="2971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2" dirty="0">
                <a:solidFill>
                  <a:schemeClr val="lt2"/>
                </a:solidFill>
                <a:latin typeface="Segoe UI" panose="020B0502040204020203" pitchFamily="34" charset="0"/>
              </a:rPr>
              <a:t>Divorce from Valerie </a:t>
            </a:r>
            <a:r>
              <a:rPr lang="en-US" sz="1200" b="1" spc="-2" dirty="0" err="1">
                <a:solidFill>
                  <a:schemeClr val="lt2"/>
                </a:solidFill>
                <a:latin typeface="Segoe UI" panose="020B0502040204020203" pitchFamily="34" charset="0"/>
              </a:rPr>
              <a:t>Bertinelli</a:t>
            </a:r>
            <a:r>
              <a:rPr lang="en-US" sz="1200" b="1" spc="-2" dirty="0">
                <a:solidFill>
                  <a:schemeClr val="lt2"/>
                </a:solidFill>
                <a:latin typeface="Segoe UI" panose="020B0502040204020203" pitchFamily="34" charset="0"/>
              </a:rPr>
              <a:t> is finalized</a:t>
            </a:r>
          </a:p>
        </p:txBody>
      </p:sp>
      <p:sp>
        <p:nvSpPr>
          <p:cNvPr id="99" name="OTLSHAPE_M_8d7109c555dc43dc848a65224631fc5a_Date">
            <a:extLst>
              <a:ext uri="{FF2B5EF4-FFF2-40B4-BE49-F238E27FC236}">
                <a16:creationId xmlns:a16="http://schemas.microsoft.com/office/drawing/2014/main" id="{45CBE986-A9E6-4170-84EF-C06C1032058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706241" y="1169458"/>
            <a:ext cx="330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2007</a:t>
            </a:r>
          </a:p>
        </p:txBody>
      </p:sp>
      <p:sp>
        <p:nvSpPr>
          <p:cNvPr id="101" name="OTLSHAPE_M_82bc68a3b2f64ae0b5da7263f58abba9_Title">
            <a:extLst>
              <a:ext uri="{FF2B5EF4-FFF2-40B4-BE49-F238E27FC236}">
                <a16:creationId xmlns:a16="http://schemas.microsoft.com/office/drawing/2014/main" id="{67261B75-0962-4430-B2E4-D450865E8AC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415989" y="97302"/>
            <a:ext cx="3479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2" dirty="0">
                <a:solidFill>
                  <a:schemeClr val="lt2"/>
                </a:solidFill>
                <a:latin typeface="Segoe UI" panose="020B0502040204020203" pitchFamily="34" charset="0"/>
              </a:rPr>
              <a:t>Marries actress and stuntwoman  Janie </a:t>
            </a:r>
            <a:r>
              <a:rPr lang="en-US" sz="1200" b="1" spc="-2" dirty="0" err="1">
                <a:solidFill>
                  <a:schemeClr val="lt2"/>
                </a:solidFill>
                <a:latin typeface="Segoe UI" panose="020B0502040204020203" pitchFamily="34" charset="0"/>
              </a:rPr>
              <a:t>Liszewski</a:t>
            </a:r>
            <a:endParaRPr lang="en-US" sz="1200" b="1" spc="-2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02" name="OTLSHAPE_M_82bc68a3b2f64ae0b5da7263f58abba9_Date">
            <a:extLst>
              <a:ext uri="{FF2B5EF4-FFF2-40B4-BE49-F238E27FC236}">
                <a16:creationId xmlns:a16="http://schemas.microsoft.com/office/drawing/2014/main" id="{4FF23A9B-3431-49ED-BEB4-C93509B8ECE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991403" y="325394"/>
            <a:ext cx="342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2009</a:t>
            </a:r>
            <a:endParaRPr lang="en-US" sz="1200" spc="-26" dirty="0">
              <a:solidFill>
                <a:schemeClr val="accent4"/>
              </a:solidFill>
              <a:latin typeface="Segoe UI" panose="020B0502040204020203" pitchFamily="34" charset="0"/>
            </a:endParaRPr>
          </a:p>
        </p:txBody>
      </p:sp>
      <p:sp>
        <p:nvSpPr>
          <p:cNvPr id="104" name="OTLSHAPE_M_6488f2d3029c43ef9762854b77bcd0e1_Title">
            <a:extLst>
              <a:ext uri="{FF2B5EF4-FFF2-40B4-BE49-F238E27FC236}">
                <a16:creationId xmlns:a16="http://schemas.microsoft.com/office/drawing/2014/main" id="{6982B2F7-DAF1-443B-BBAB-2BB2EA0813D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963546" y="5029086"/>
            <a:ext cx="3276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2">
                <a:solidFill>
                  <a:schemeClr val="lt2"/>
                </a:solidFill>
                <a:latin typeface="Segoe UI" panose="020B0502040204020203" pitchFamily="34" charset="0"/>
              </a:rPr>
              <a:t>Undergoes emergency surgery for diverculitis</a:t>
            </a:r>
          </a:p>
        </p:txBody>
      </p:sp>
      <p:sp>
        <p:nvSpPr>
          <p:cNvPr id="105" name="OTLSHAPE_M_6488f2d3029c43ef9762854b77bcd0e1_Date">
            <a:extLst>
              <a:ext uri="{FF2B5EF4-FFF2-40B4-BE49-F238E27FC236}">
                <a16:creationId xmlns:a16="http://schemas.microsoft.com/office/drawing/2014/main" id="{9FF710AB-596B-4BBE-86C2-38D33EED5CA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435920" y="4800994"/>
            <a:ext cx="330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2012</a:t>
            </a:r>
            <a:endParaRPr lang="en-US" sz="1200" spc="-26" dirty="0">
              <a:solidFill>
                <a:schemeClr val="accent4"/>
              </a:solidFill>
              <a:latin typeface="Segoe UI" panose="020B0502040204020203" pitchFamily="34" charset="0"/>
            </a:endParaRPr>
          </a:p>
        </p:txBody>
      </p:sp>
      <p:sp>
        <p:nvSpPr>
          <p:cNvPr id="107" name="OTLSHAPE_M_d4c34e77741f4f58947347f4453cce44_Title">
            <a:extLst>
              <a:ext uri="{FF2B5EF4-FFF2-40B4-BE49-F238E27FC236}">
                <a16:creationId xmlns:a16="http://schemas.microsoft.com/office/drawing/2014/main" id="{A8517F44-8BAF-42DD-BF55-3F599E56D66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734531" y="2263163"/>
            <a:ext cx="22733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lt2"/>
                </a:solidFill>
                <a:latin typeface="Segoe UI" panose="020B0502040204020203" pitchFamily="34" charset="0"/>
              </a:rPr>
              <a:t>Loses battle with throat cancer, Santa Monica, CA</a:t>
            </a:r>
          </a:p>
        </p:txBody>
      </p:sp>
      <p:sp>
        <p:nvSpPr>
          <p:cNvPr id="108" name="OTLSHAPE_M_d4c34e77741f4f58947347f4453cce44_Date">
            <a:extLst>
              <a:ext uri="{FF2B5EF4-FFF2-40B4-BE49-F238E27FC236}">
                <a16:creationId xmlns:a16="http://schemas.microsoft.com/office/drawing/2014/main" id="{56602085-497B-4BCA-A56E-9FA39B51C1B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705171" y="2693947"/>
            <a:ext cx="330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accent4"/>
                </a:solidFill>
                <a:latin typeface="Segoe UI" panose="020B0502040204020203" pitchFamily="34" charset="0"/>
              </a:rPr>
              <a:t>202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7512864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63">
            <a:lum/>
          </a:blip>
          <a:srcRect/>
          <a:stretch>
            <a:fillRect b="-34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" name="OTLSHAPE_M_791216e7c3c84f53925d22a6a253b6ff_Connector1">
            <a:extLst>
              <a:ext uri="{FF2B5EF4-FFF2-40B4-BE49-F238E27FC236}">
                <a16:creationId xmlns:a16="http://schemas.microsoft.com/office/drawing/2014/main" id="{8351D379-FEF2-4918-B1E4-D5003B45AA45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098938" y="636635"/>
            <a:ext cx="0" cy="370802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791216e7c3c84f53925d22a6a253b6ff_Connector2">
            <a:extLst>
              <a:ext uri="{FF2B5EF4-FFF2-40B4-BE49-F238E27FC236}">
                <a16:creationId xmlns:a16="http://schemas.microsoft.com/office/drawing/2014/main" id="{CBDD695B-EB57-47BA-807D-D6710E181B07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098938" y="1277693"/>
            <a:ext cx="0" cy="2128173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f01c1900f7464ee4ab88eb2b2ebde79d_Connector1">
            <a:extLst>
              <a:ext uri="{FF2B5EF4-FFF2-40B4-BE49-F238E27FC236}">
                <a16:creationId xmlns:a16="http://schemas.microsoft.com/office/drawing/2014/main" id="{FECBC50C-04E8-4328-9A85-CD06652AEDA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363492" y="3786866"/>
            <a:ext cx="0" cy="414274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f01c1900f7464ee4ab88eb2b2ebde79d_Connector2">
            <a:extLst>
              <a:ext uri="{FF2B5EF4-FFF2-40B4-BE49-F238E27FC236}">
                <a16:creationId xmlns:a16="http://schemas.microsoft.com/office/drawing/2014/main" id="{2F1C2C75-7D9F-4D53-AE74-BC21509723B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363492" y="4471396"/>
            <a:ext cx="0" cy="620986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42e18ea4bc9145b183a20c09df61f710_Connector1">
            <a:extLst>
              <a:ext uri="{FF2B5EF4-FFF2-40B4-BE49-F238E27FC236}">
                <a16:creationId xmlns:a16="http://schemas.microsoft.com/office/drawing/2014/main" id="{E8DCEE39-3400-4161-A8F2-9C21C74CF48A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626608" y="1564967"/>
            <a:ext cx="0" cy="1840899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bbcb72d17a03437981a9c40155e32af7_Connector1">
            <a:extLst>
              <a:ext uri="{FF2B5EF4-FFF2-40B4-BE49-F238E27FC236}">
                <a16:creationId xmlns:a16="http://schemas.microsoft.com/office/drawing/2014/main" id="{4FB315D5-E177-440A-B388-DF1A8B65A40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678353" y="3786866"/>
            <a:ext cx="0" cy="2197821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7e55049058e246a288ac54dfef144f93_Connector1">
            <a:extLst>
              <a:ext uri="{FF2B5EF4-FFF2-40B4-BE49-F238E27FC236}">
                <a16:creationId xmlns:a16="http://schemas.microsoft.com/office/drawing/2014/main" id="{AE169A01-CA98-46BC-97D1-E82920A1039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204584" y="3786866"/>
            <a:ext cx="0" cy="1059070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9268a0fc5d3140069e97a222ad7d38b7_Connector1">
            <a:extLst>
              <a:ext uri="{FF2B5EF4-FFF2-40B4-BE49-F238E27FC236}">
                <a16:creationId xmlns:a16="http://schemas.microsoft.com/office/drawing/2014/main" id="{5505CD4E-0325-4B28-9FE8-9D1EEE30922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992494" y="1174993"/>
            <a:ext cx="0" cy="2230874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4f92a20db9e24761bb5decd93eb19ff7_Connector1">
            <a:extLst>
              <a:ext uri="{FF2B5EF4-FFF2-40B4-BE49-F238E27FC236}">
                <a16:creationId xmlns:a16="http://schemas.microsoft.com/office/drawing/2014/main" id="{4C64890B-5850-48F5-A6B6-B9DAD21F96F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834305" y="3786866"/>
            <a:ext cx="0" cy="796690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M_4f92a20db9e24761bb5decd93eb19ff7_Connector2">
            <a:extLst>
              <a:ext uri="{FF2B5EF4-FFF2-40B4-BE49-F238E27FC236}">
                <a16:creationId xmlns:a16="http://schemas.microsoft.com/office/drawing/2014/main" id="{AEEDA18D-4F76-4223-B3E6-7AEDA3522C0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834305" y="4853813"/>
            <a:ext cx="0" cy="1181863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M_6f43cb905faa4921b0f3afde0dabf98e_Connector1">
            <a:extLst>
              <a:ext uri="{FF2B5EF4-FFF2-40B4-BE49-F238E27FC236}">
                <a16:creationId xmlns:a16="http://schemas.microsoft.com/office/drawing/2014/main" id="{A9B3BCBA-424F-4F53-98E9-FDD19568BD3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512896" y="717394"/>
            <a:ext cx="0" cy="2688473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M_edb03294fd5641b1967f96126fd4b36e_Connector1">
            <a:extLst>
              <a:ext uri="{FF2B5EF4-FFF2-40B4-BE49-F238E27FC236}">
                <a16:creationId xmlns:a16="http://schemas.microsoft.com/office/drawing/2014/main" id="{5DA52834-D423-4583-83BE-68EACEC557F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571269" y="3102560"/>
            <a:ext cx="0" cy="303307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M_921ca68bfd7742329e669a26138e35ea_Connector1">
            <a:extLst>
              <a:ext uri="{FF2B5EF4-FFF2-40B4-BE49-F238E27FC236}">
                <a16:creationId xmlns:a16="http://schemas.microsoft.com/office/drawing/2014/main" id="{97C7983E-85BE-4DEE-9FE6-6E8D34C05CA9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044958" y="3786866"/>
            <a:ext cx="0" cy="509416"/>
          </a:xfrm>
          <a:prstGeom prst="line">
            <a:avLst/>
          </a:prstGeom>
          <a:ln w="9525" cap="flat" cmpd="sng" algn="ctr">
            <a:solidFill>
              <a:srgbClr val="EEECE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CDF292E6-9E31-48ED-87A9-DC68CEF3763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3469366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737373"/>
              </a:gs>
              <a:gs pos="100000">
                <a:srgbClr val="7F7F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2C0576AE-603A-4ACA-A5BC-CD7AF9DAE500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07965" y="35074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76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FC8B0E1-5540-40C3-875A-2ED1582C491D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958272" y="35074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38D52BD-46B5-4466-8D81-2ED28B89EDA2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3008579" y="35074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4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AE6E3CB-8DF1-45ED-9E68-B3F98FDCE5AE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058886" y="35074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B0EE2E79-62D5-4347-A24A-3046F9DB7E21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109193" y="35074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094E21B0-8A9B-409E-B782-8749A68B229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159500" y="35074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6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5A7CE9F2-7A28-4248-9A6F-1FF4136803F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209807" y="35074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</a:p>
        </p:txBody>
      </p:sp>
      <p:sp>
        <p:nvSpPr>
          <p:cNvPr id="69" name="OTLSHAPE_TB_00000000000000000000000000000000_TimescaleInterval8">
            <a:extLst>
              <a:ext uri="{FF2B5EF4-FFF2-40B4-BE49-F238E27FC236}">
                <a16:creationId xmlns:a16="http://schemas.microsoft.com/office/drawing/2014/main" id="{94D97B66-8A52-4E71-97F0-26ACA1E48385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260114" y="35074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sp>
        <p:nvSpPr>
          <p:cNvPr id="70" name="OTLSHAPE_TB_00000000000000000000000000000000_TimescaleInterval9">
            <a:extLst>
              <a:ext uri="{FF2B5EF4-FFF2-40B4-BE49-F238E27FC236}">
                <a16:creationId xmlns:a16="http://schemas.microsoft.com/office/drawing/2014/main" id="{2F3D1554-CA2D-44C2-BF62-D30B374567A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310421" y="35074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71" name="OTLSHAPE_TB_00000000000000000000000000000000_TimescaleInterval10">
            <a:extLst>
              <a:ext uri="{FF2B5EF4-FFF2-40B4-BE49-F238E27FC236}">
                <a16:creationId xmlns:a16="http://schemas.microsoft.com/office/drawing/2014/main" id="{02771061-F936-43AF-BC07-43464014207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0360728" y="35074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78" name="OTLSHAPE_M_6f43cb905faa4921b0f3afde0dabf98e_Shape">
            <a:extLst>
              <a:ext uri="{FF2B5EF4-FFF2-40B4-BE49-F238E27FC236}">
                <a16:creationId xmlns:a16="http://schemas.microsoft.com/office/drawing/2014/main" id="{62F394CF-AAB2-4698-AFC4-898C12638E4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398596" y="3278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edb03294fd5641b1967f96126fd4b36e_Shape">
            <a:extLst>
              <a:ext uri="{FF2B5EF4-FFF2-40B4-BE49-F238E27FC236}">
                <a16:creationId xmlns:a16="http://schemas.microsoft.com/office/drawing/2014/main" id="{F1152A14-4DE0-47E1-9DA1-BF4E34DF952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456969" y="3278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M_791216e7c3c84f53925d22a6a253b6ff_Shape">
            <a:extLst>
              <a:ext uri="{FF2B5EF4-FFF2-40B4-BE49-F238E27FC236}">
                <a16:creationId xmlns:a16="http://schemas.microsoft.com/office/drawing/2014/main" id="{D06B57A0-45AD-4AC2-B301-15EE88C82E3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984638" y="3278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M_42e18ea4bc9145b183a20c09df61f710_Shape">
            <a:extLst>
              <a:ext uri="{FF2B5EF4-FFF2-40B4-BE49-F238E27FC236}">
                <a16:creationId xmlns:a16="http://schemas.microsoft.com/office/drawing/2014/main" id="{BB3E7331-16CA-4D87-8FD5-3DB7BCF7D4A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512308" y="3278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M_9268a0fc5d3140069e97a222ad7d38b7_Shape">
            <a:extLst>
              <a:ext uri="{FF2B5EF4-FFF2-40B4-BE49-F238E27FC236}">
                <a16:creationId xmlns:a16="http://schemas.microsoft.com/office/drawing/2014/main" id="{34E7898F-02EC-4069-9541-9DC4FDB44A4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878194" y="3278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M_5e2fb9a286994740b0af4a0586b2cc51_Shape">
            <a:extLst>
              <a:ext uri="{FF2B5EF4-FFF2-40B4-BE49-F238E27FC236}">
                <a16:creationId xmlns:a16="http://schemas.microsoft.com/office/drawing/2014/main" id="{94681267-A404-4CAD-B1AE-A9690A3B103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720803" y="3659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M_f01c1900f7464ee4ab88eb2b2ebde79d_Shape">
            <a:extLst>
              <a:ext uri="{FF2B5EF4-FFF2-40B4-BE49-F238E27FC236}">
                <a16:creationId xmlns:a16="http://schemas.microsoft.com/office/drawing/2014/main" id="{DFFAE88C-52F8-4DC2-9B63-D1E928A1312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249192" y="3659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M_65ad05edc8184ecdabf3d4c674e4a187_Shape">
            <a:extLst>
              <a:ext uri="{FF2B5EF4-FFF2-40B4-BE49-F238E27FC236}">
                <a16:creationId xmlns:a16="http://schemas.microsoft.com/office/drawing/2014/main" id="{E3F28CAF-397D-48A3-86C4-08E68C96181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038540" y="3659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M_bbcb72d17a03437981a9c40155e32af7_Shape">
            <a:extLst>
              <a:ext uri="{FF2B5EF4-FFF2-40B4-BE49-F238E27FC236}">
                <a16:creationId xmlns:a16="http://schemas.microsoft.com/office/drawing/2014/main" id="{DF0241D7-B369-4B0A-81AA-DA213031BC5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564053" y="3659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M_7e55049058e246a288ac54dfef144f93_Shape">
            <a:extLst>
              <a:ext uri="{FF2B5EF4-FFF2-40B4-BE49-F238E27FC236}">
                <a16:creationId xmlns:a16="http://schemas.microsoft.com/office/drawing/2014/main" id="{2D6EDBD8-52A0-4F80-8362-4269FB44CA1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090284" y="3659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M_921ca68bfd7742329e669a26138e35ea_Shape">
            <a:extLst>
              <a:ext uri="{FF2B5EF4-FFF2-40B4-BE49-F238E27FC236}">
                <a16:creationId xmlns:a16="http://schemas.microsoft.com/office/drawing/2014/main" id="{71786230-1A28-485E-BBE5-AE0AC346920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930658" y="3659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M_4f92a20db9e24761bb5decd93eb19ff7_Shape">
            <a:extLst>
              <a:ext uri="{FF2B5EF4-FFF2-40B4-BE49-F238E27FC236}">
                <a16:creationId xmlns:a16="http://schemas.microsoft.com/office/drawing/2014/main" id="{381C7BDF-F3F8-41BA-B44A-52DFF281BE3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720005" y="3659866"/>
            <a:ext cx="228600" cy="254000"/>
          </a:xfrm>
          <a:prstGeom prst="star8">
            <a:avLst/>
          </a:prstGeom>
          <a:solidFill>
            <a:srgbClr val="EEE2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M_edb03294fd5641b1967f96126fd4b36e_Title">
            <a:extLst>
              <a:ext uri="{FF2B5EF4-FFF2-40B4-BE49-F238E27FC236}">
                <a16:creationId xmlns:a16="http://schemas.microsoft.com/office/drawing/2014/main" id="{A96D3B95-843F-4EBC-8DE5-EBD0FB16BDC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082805" y="2545030"/>
            <a:ext cx="9652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22">
                <a:solidFill>
                  <a:srgbClr val="EEECE1"/>
                </a:solidFill>
                <a:latin typeface="Segoe UI" panose="020B0502040204020203" pitchFamily="34" charset="0"/>
              </a:rPr>
              <a:t>Van Halen</a:t>
            </a:r>
          </a:p>
        </p:txBody>
      </p:sp>
      <p:sp>
        <p:nvSpPr>
          <p:cNvPr id="34" name="OTLSHAPE_M_edb03294fd5641b1967f96126fd4b36e_Date">
            <a:extLst>
              <a:ext uri="{FF2B5EF4-FFF2-40B4-BE49-F238E27FC236}">
                <a16:creationId xmlns:a16="http://schemas.microsoft.com/office/drawing/2014/main" id="{69345AEC-09BA-4714-8B71-415994E0CD2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366121" y="2840686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EE212"/>
                </a:solidFill>
                <a:latin typeface="Segoe UI Historic" panose="020B0502040204020203" pitchFamily="34" charset="0"/>
              </a:rPr>
              <a:t>1978</a:t>
            </a:r>
          </a:p>
        </p:txBody>
      </p:sp>
      <p:sp>
        <p:nvSpPr>
          <p:cNvPr id="36" name="OTLSHAPE_M_5e2fb9a286994740b0af4a0586b2cc51_Title">
            <a:extLst>
              <a:ext uri="{FF2B5EF4-FFF2-40B4-BE49-F238E27FC236}">
                <a16:creationId xmlns:a16="http://schemas.microsoft.com/office/drawing/2014/main" id="{0FC0DCD6-5FAD-4A55-A060-57C7D6772A8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54227" y="4201140"/>
            <a:ext cx="11557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18">
                <a:solidFill>
                  <a:srgbClr val="EEECE1"/>
                </a:solidFill>
                <a:latin typeface="Segoe UI" panose="020B0502040204020203" pitchFamily="34" charset="0"/>
              </a:rPr>
              <a:t>Van Halen II</a:t>
            </a:r>
          </a:p>
        </p:txBody>
      </p:sp>
      <p:sp>
        <p:nvSpPr>
          <p:cNvPr id="37" name="OTLSHAPE_M_5e2fb9a286994740b0af4a0586b2cc51_Date">
            <a:extLst>
              <a:ext uri="{FF2B5EF4-FFF2-40B4-BE49-F238E27FC236}">
                <a16:creationId xmlns:a16="http://schemas.microsoft.com/office/drawing/2014/main" id="{230CF15E-695E-4033-9851-4F870AFB8E4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629956" y="3939266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EE212"/>
                </a:solidFill>
                <a:latin typeface="Segoe UI Historic" panose="020B0502040204020203" pitchFamily="34" charset="0"/>
              </a:rPr>
              <a:t>1979</a:t>
            </a:r>
          </a:p>
        </p:txBody>
      </p:sp>
      <p:sp>
        <p:nvSpPr>
          <p:cNvPr id="39" name="OTLSHAPE_M_791216e7c3c84f53925d22a6a253b6ff_Title">
            <a:extLst>
              <a:ext uri="{FF2B5EF4-FFF2-40B4-BE49-F238E27FC236}">
                <a16:creationId xmlns:a16="http://schemas.microsoft.com/office/drawing/2014/main" id="{0974A6B5-FCFA-47BD-8577-0736F49BC74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49830" y="79105"/>
            <a:ext cx="24892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8" dirty="0">
                <a:solidFill>
                  <a:srgbClr val="EEECE1"/>
                </a:solidFill>
                <a:latin typeface="Segoe UI" panose="020B0502040204020203" pitchFamily="34" charset="0"/>
              </a:rPr>
              <a:t>Women and Children First</a:t>
            </a:r>
          </a:p>
        </p:txBody>
      </p:sp>
      <p:sp>
        <p:nvSpPr>
          <p:cNvPr id="40" name="OTLSHAPE_M_791216e7c3c84f53925d22a6a253b6ff_Date">
            <a:extLst>
              <a:ext uri="{FF2B5EF4-FFF2-40B4-BE49-F238E27FC236}">
                <a16:creationId xmlns:a16="http://schemas.microsoft.com/office/drawing/2014/main" id="{5D6FD0D5-BB73-41B9-9A9C-35408F8F7EC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893791" y="374761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EE212"/>
                </a:solidFill>
                <a:latin typeface="Segoe UI Historic" panose="020B0502040204020203" pitchFamily="34" charset="0"/>
              </a:rPr>
              <a:t>1980</a:t>
            </a:r>
          </a:p>
        </p:txBody>
      </p:sp>
      <p:sp>
        <p:nvSpPr>
          <p:cNvPr id="42" name="OTLSHAPE_M_f01c1900f7464ee4ab88eb2b2ebde79d_Title">
            <a:extLst>
              <a:ext uri="{FF2B5EF4-FFF2-40B4-BE49-F238E27FC236}">
                <a16:creationId xmlns:a16="http://schemas.microsoft.com/office/drawing/2014/main" id="{E3E9F34D-90B6-4AE9-8EDB-4DB49C1DF11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747203" y="5379656"/>
            <a:ext cx="12319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18">
                <a:solidFill>
                  <a:srgbClr val="EEECE1"/>
                </a:solidFill>
                <a:latin typeface="Segoe UI" panose="020B0502040204020203" pitchFamily="34" charset="0"/>
              </a:rPr>
              <a:t>Fair Warning</a:t>
            </a:r>
          </a:p>
        </p:txBody>
      </p:sp>
      <p:sp>
        <p:nvSpPr>
          <p:cNvPr id="43" name="OTLSHAPE_M_f01c1900f7464ee4ab88eb2b2ebde79d_Date">
            <a:extLst>
              <a:ext uri="{FF2B5EF4-FFF2-40B4-BE49-F238E27FC236}">
                <a16:creationId xmlns:a16="http://schemas.microsoft.com/office/drawing/2014/main" id="{28593ECC-13DC-46EA-A74D-2C667BEBA0E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158345" y="5117782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EE212"/>
                </a:solidFill>
                <a:latin typeface="Segoe UI Historic" panose="020B0502040204020203" pitchFamily="34" charset="0"/>
              </a:rPr>
              <a:t>1981</a:t>
            </a:r>
          </a:p>
        </p:txBody>
      </p:sp>
      <p:sp>
        <p:nvSpPr>
          <p:cNvPr id="45" name="OTLSHAPE_M_42e18ea4bc9145b183a20c09df61f710_Title">
            <a:extLst>
              <a:ext uri="{FF2B5EF4-FFF2-40B4-BE49-F238E27FC236}">
                <a16:creationId xmlns:a16="http://schemas.microsoft.com/office/drawing/2014/main" id="{936C8AE0-6CC2-4DD0-84C2-9124BB8018E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059489" y="1007437"/>
            <a:ext cx="11303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20">
                <a:solidFill>
                  <a:srgbClr val="EEECE1"/>
                </a:solidFill>
                <a:latin typeface="Segoe UI" panose="020B0502040204020203" pitchFamily="34" charset="0"/>
              </a:rPr>
              <a:t>Diver Down</a:t>
            </a:r>
          </a:p>
        </p:txBody>
      </p:sp>
      <p:sp>
        <p:nvSpPr>
          <p:cNvPr id="46" name="OTLSHAPE_M_42e18ea4bc9145b183a20c09df61f710_Date">
            <a:extLst>
              <a:ext uri="{FF2B5EF4-FFF2-40B4-BE49-F238E27FC236}">
                <a16:creationId xmlns:a16="http://schemas.microsoft.com/office/drawing/2014/main" id="{05FD6C51-A7C9-4046-A052-D087F6DD39A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421461" y="1303093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EE212"/>
                </a:solidFill>
                <a:latin typeface="Segoe UI Historic" panose="020B0502040204020203" pitchFamily="34" charset="0"/>
              </a:rPr>
              <a:t>1982</a:t>
            </a:r>
          </a:p>
        </p:txBody>
      </p:sp>
      <p:sp>
        <p:nvSpPr>
          <p:cNvPr id="48" name="OTLSHAPE_M_65ad05edc8184ecdabf3d4c674e4a187_Title">
            <a:extLst>
              <a:ext uri="{FF2B5EF4-FFF2-40B4-BE49-F238E27FC236}">
                <a16:creationId xmlns:a16="http://schemas.microsoft.com/office/drawing/2014/main" id="{03B176DD-660D-4E21-8EB3-D9B15FFFC42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912725" y="4201140"/>
            <a:ext cx="4699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34">
                <a:solidFill>
                  <a:srgbClr val="EEECE1"/>
                </a:solidFill>
                <a:latin typeface="Segoe UI" panose="020B0502040204020203" pitchFamily="34" charset="0"/>
              </a:rPr>
              <a:t>1984</a:t>
            </a:r>
          </a:p>
        </p:txBody>
      </p:sp>
      <p:sp>
        <p:nvSpPr>
          <p:cNvPr id="49" name="OTLSHAPE_M_65ad05edc8184ecdabf3d4c674e4a187_Date">
            <a:extLst>
              <a:ext uri="{FF2B5EF4-FFF2-40B4-BE49-F238E27FC236}">
                <a16:creationId xmlns:a16="http://schemas.microsoft.com/office/drawing/2014/main" id="{41F780AD-5DD2-4DF3-904E-BAAB788B328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947692" y="3939266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EE212"/>
                </a:solidFill>
                <a:latin typeface="Segoe UI Historic" panose="020B0502040204020203" pitchFamily="34" charset="0"/>
              </a:rPr>
              <a:t>1984</a:t>
            </a:r>
          </a:p>
        </p:txBody>
      </p:sp>
      <p:sp>
        <p:nvSpPr>
          <p:cNvPr id="51" name="OTLSHAPE_M_bbcb72d17a03437981a9c40155e32af7_Title">
            <a:extLst>
              <a:ext uri="{FF2B5EF4-FFF2-40B4-BE49-F238E27FC236}">
                <a16:creationId xmlns:a16="http://schemas.microsoft.com/office/drawing/2014/main" id="{CABBB847-A386-4B7F-A472-926FC69F4D6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438238" y="6271961"/>
            <a:ext cx="4699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34">
                <a:solidFill>
                  <a:srgbClr val="EEECE1"/>
                </a:solidFill>
                <a:latin typeface="Segoe UI" panose="020B0502040204020203" pitchFamily="34" charset="0"/>
              </a:rPr>
              <a:t>5150</a:t>
            </a:r>
          </a:p>
        </p:txBody>
      </p:sp>
      <p:sp>
        <p:nvSpPr>
          <p:cNvPr id="52" name="OTLSHAPE_M_bbcb72d17a03437981a9c40155e32af7_Date">
            <a:extLst>
              <a:ext uri="{FF2B5EF4-FFF2-40B4-BE49-F238E27FC236}">
                <a16:creationId xmlns:a16="http://schemas.microsoft.com/office/drawing/2014/main" id="{40E19B1B-9444-414D-BBE2-AC5B13B5A57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473205" y="6010087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EE212"/>
                </a:solidFill>
                <a:latin typeface="Segoe UI Historic" panose="020B0502040204020203" pitchFamily="34" charset="0"/>
              </a:rPr>
              <a:t>1986</a:t>
            </a:r>
          </a:p>
        </p:txBody>
      </p:sp>
      <p:sp>
        <p:nvSpPr>
          <p:cNvPr id="54" name="OTLSHAPE_M_7e55049058e246a288ac54dfef144f93_Title">
            <a:extLst>
              <a:ext uri="{FF2B5EF4-FFF2-40B4-BE49-F238E27FC236}">
                <a16:creationId xmlns:a16="http://schemas.microsoft.com/office/drawing/2014/main" id="{1469D30B-609A-4446-AB04-0F03E0A2EB0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872395" y="5133210"/>
            <a:ext cx="6604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34">
                <a:solidFill>
                  <a:srgbClr val="EEECE1"/>
                </a:solidFill>
                <a:latin typeface="Segoe UI" panose="020B0502040204020203" pitchFamily="34" charset="0"/>
              </a:rPr>
              <a:t>OU812</a:t>
            </a:r>
          </a:p>
        </p:txBody>
      </p:sp>
      <p:sp>
        <p:nvSpPr>
          <p:cNvPr id="55" name="OTLSHAPE_M_7e55049058e246a288ac54dfef144f93_Date">
            <a:extLst>
              <a:ext uri="{FF2B5EF4-FFF2-40B4-BE49-F238E27FC236}">
                <a16:creationId xmlns:a16="http://schemas.microsoft.com/office/drawing/2014/main" id="{2B10B98F-A1CA-400D-84CE-41AF8756A61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999437" y="4871336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EE212"/>
                </a:solidFill>
                <a:latin typeface="Segoe UI Historic" panose="020B0502040204020203" pitchFamily="34" charset="0"/>
              </a:rPr>
              <a:t>1988</a:t>
            </a:r>
          </a:p>
        </p:txBody>
      </p:sp>
      <p:sp>
        <p:nvSpPr>
          <p:cNvPr id="57" name="OTLSHAPE_M_9268a0fc5d3140069e97a222ad7d38b7_Title">
            <a:extLst>
              <a:ext uri="{FF2B5EF4-FFF2-40B4-BE49-F238E27FC236}">
                <a16:creationId xmlns:a16="http://schemas.microsoft.com/office/drawing/2014/main" id="{7ABB9D4C-59E5-446F-9853-B75BD5EB401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478993" y="617463"/>
            <a:ext cx="30226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b="1" spc="-8">
                <a:solidFill>
                  <a:srgbClr val="EEECE1"/>
                </a:solidFill>
                <a:latin typeface="Segoe UI" panose="020B0502040204020203" pitchFamily="34" charset="0"/>
              </a:rPr>
              <a:t>For Unlawful Carnal Knowledge</a:t>
            </a:r>
          </a:p>
        </p:txBody>
      </p:sp>
      <p:sp>
        <p:nvSpPr>
          <p:cNvPr id="58" name="OTLSHAPE_M_9268a0fc5d3140069e97a222ad7d38b7_Date">
            <a:extLst>
              <a:ext uri="{FF2B5EF4-FFF2-40B4-BE49-F238E27FC236}">
                <a16:creationId xmlns:a16="http://schemas.microsoft.com/office/drawing/2014/main" id="{FFC744A3-1629-485C-AF40-B56E95BCBD0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787347" y="913119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EE212"/>
                </a:solidFill>
                <a:latin typeface="Segoe UI Historic" panose="020B0502040204020203" pitchFamily="34" charset="0"/>
              </a:rPr>
              <a:t>1991</a:t>
            </a:r>
          </a:p>
        </p:txBody>
      </p:sp>
      <p:sp>
        <p:nvSpPr>
          <p:cNvPr id="60" name="OTLSHAPE_M_921ca68bfd7742329e669a26138e35ea_Title">
            <a:extLst>
              <a:ext uri="{FF2B5EF4-FFF2-40B4-BE49-F238E27FC236}">
                <a16:creationId xmlns:a16="http://schemas.microsoft.com/office/drawing/2014/main" id="{D29CCEF5-183D-4D6C-ACE1-1CB1802ECBCD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712749" y="4583557"/>
            <a:ext cx="26543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b="1" spc="-8" dirty="0">
                <a:solidFill>
                  <a:srgbClr val="EEECE1"/>
                </a:solidFill>
                <a:latin typeface="Segoe UI" panose="020B0502040204020203" pitchFamily="34" charset="0"/>
              </a:rPr>
              <a:t>Live: Right Here, Right Now</a:t>
            </a:r>
          </a:p>
        </p:txBody>
      </p:sp>
      <p:sp>
        <p:nvSpPr>
          <p:cNvPr id="61" name="OTLSHAPE_M_921ca68bfd7742329e669a26138e35ea_Date">
            <a:extLst>
              <a:ext uri="{FF2B5EF4-FFF2-40B4-BE49-F238E27FC236}">
                <a16:creationId xmlns:a16="http://schemas.microsoft.com/office/drawing/2014/main" id="{96593F2F-1E93-466D-9F2C-2174C33A633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839811" y="4321682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EE212"/>
                </a:solidFill>
                <a:latin typeface="Segoe UI Historic" panose="020B0502040204020203" pitchFamily="34" charset="0"/>
              </a:rPr>
              <a:t>1995</a:t>
            </a:r>
            <a:endParaRPr lang="en-US" sz="1400" b="1" dirty="0">
              <a:solidFill>
                <a:srgbClr val="EEE212"/>
              </a:solidFill>
              <a:latin typeface="Segoe UI Historic" panose="020B0502040204020203" pitchFamily="34" charset="0"/>
            </a:endParaRPr>
          </a:p>
        </p:txBody>
      </p:sp>
      <p:sp>
        <p:nvSpPr>
          <p:cNvPr id="63" name="OTLSHAPE_M_4f92a20db9e24761bb5decd93eb19ff7_Title">
            <a:extLst>
              <a:ext uri="{FF2B5EF4-FFF2-40B4-BE49-F238E27FC236}">
                <a16:creationId xmlns:a16="http://schemas.microsoft.com/office/drawing/2014/main" id="{68EDC250-FDD3-4105-806A-EE73E5B12AE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221234" y="6322950"/>
            <a:ext cx="12192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18" dirty="0">
                <a:solidFill>
                  <a:srgbClr val="EEECE1"/>
                </a:solidFill>
                <a:latin typeface="Segoe UI" panose="020B0502040204020203" pitchFamily="34" charset="0"/>
              </a:rPr>
              <a:t>Van Halen III</a:t>
            </a:r>
          </a:p>
        </p:txBody>
      </p:sp>
      <p:sp>
        <p:nvSpPr>
          <p:cNvPr id="64" name="OTLSHAPE_M_4f92a20db9e24761bb5decd93eb19ff7_Date">
            <a:extLst>
              <a:ext uri="{FF2B5EF4-FFF2-40B4-BE49-F238E27FC236}">
                <a16:creationId xmlns:a16="http://schemas.microsoft.com/office/drawing/2014/main" id="{D6411E6A-D1EE-42E3-B695-46F092C849D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629158" y="6061076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EE212"/>
                </a:solidFill>
                <a:latin typeface="Segoe UI Historic" panose="020B0502040204020203" pitchFamily="34" charset="0"/>
              </a:rPr>
              <a:t>1998</a:t>
            </a:r>
          </a:p>
        </p:txBody>
      </p:sp>
      <p:sp>
        <p:nvSpPr>
          <p:cNvPr id="66" name="OTLSHAPE_M_6f43cb905faa4921b0f3afde0dabf98e_Title">
            <a:extLst>
              <a:ext uri="{FF2B5EF4-FFF2-40B4-BE49-F238E27FC236}">
                <a16:creationId xmlns:a16="http://schemas.microsoft.com/office/drawing/2014/main" id="{D4A4EE7E-29EE-400B-87EE-9E7E1DF8D5C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316852" y="159864"/>
            <a:ext cx="2387600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8" dirty="0">
                <a:solidFill>
                  <a:srgbClr val="EEECE1"/>
                </a:solidFill>
                <a:latin typeface="Segoe UI" panose="020B0502040204020203" pitchFamily="34" charset="0"/>
              </a:rPr>
              <a:t>A Different Kind of Truth</a:t>
            </a:r>
          </a:p>
        </p:txBody>
      </p:sp>
      <p:sp>
        <p:nvSpPr>
          <p:cNvPr id="67" name="OTLSHAPE_M_6f43cb905faa4921b0f3afde0dabf98e_Date">
            <a:extLst>
              <a:ext uri="{FF2B5EF4-FFF2-40B4-BE49-F238E27FC236}">
                <a16:creationId xmlns:a16="http://schemas.microsoft.com/office/drawing/2014/main" id="{6D2537C7-65F3-401E-A1D1-E6AF6DEB36F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307748" y="455520"/>
            <a:ext cx="406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dirty="0">
                <a:solidFill>
                  <a:srgbClr val="EEE212"/>
                </a:solidFill>
                <a:latin typeface="Segoe UI Historic" panose="020B0502040204020203" pitchFamily="34" charset="0"/>
              </a:rPr>
              <a:t>201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643820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pudWxsLCJFZGl0aW9uIjoiUHJvIiwiSXNQbHVzRWRpdGlvbiI6dHJ1ZSwiSXNQcm9FZGl0aW9uIjp0cnVlfSwiRWZmZWN0IjoxLCJTdHlsZSI6eyIkaWQiOiIzIiwiVGltZWJhbmRTdHlsZSI6eyIkaWQiOiI0IiwiU2NhbGVNYXJraW5nIjoxLCJTaGFwZSI6MTAsIlNoYXBlU3R5bGUiOnsiJGlkIjoiNSIsIk1hcmdpbiI6eyIkaWQiOiI2IiwiVG9wIjowLCJMZWZ0IjoxMCwiUmlnaHQiOjEwLCJCb3R0b20iOjB9LCJQYWRkaW5nIjp7IiRpZCI6IjciLCJUb3AiOjMsIkxlZnQiOjAsIlJpZ2h0IjowLCJCb3R0b20iOjN9LCJCYWNrZ3JvdW5kIjp7IiRpZCI6IjgiLCJDb2xvciI6eyIkaWQiOiI5IiwiQSI6MjU1LCJSIjoxNTUsIkciOjI0LCJCIjoyOH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AsIlRvZGF5TWFya2VyUG9zaXRpb24iOjAsIlF1aWNrUG9zaXRpb24iOjMsIkFic29sdXRlUG9zaXRpb24iOjMzNi43NTQ2Mzk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E0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jMxLCJHIjoyMzAsIkIiOjIzMH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I1NSwiRyI6MTkyLCJCIjow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TZWdvZSBVSSBTZW1pYm9sZCIsIklzQm9sZCI6dHJ1ZSwiSXNJdGFsaWMiOmZhbHNlLCJJc1VuZGVybGluZWQiOmZhbHNlLCJQYXJlbnRTdHlsZSI6bnVsbH0sIkF1dG9TaXplIjowLCJGb3JlZ3JvdW5kIjp7IiRpZCI6IjY5IiwiQ29sb3IiOnsiJGlkIjoiNzA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yLCJGb250TmFtZSI6IlNlZ29lIFVJIiwiSXNCb2xkIjpmYWxzZSwiSXNJdGFsaWMiOmZhbHNlLCJJc1VuZGVybGluZWQiOmZhbHNlLCJQYXJlbnRTdHlsZSI6bnVsbH0sIkF1dG9TaXplIjowLCJGb3JlZ3JvdW5kIjp7IiRpZCI6Ijc2IiwiQ29sb3IiOnsiJGlkIjoiNzciLCJBIjoyNTUsIlIiOjI1NSwiRyI6MTkyLCJCIjow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XZWVrTnVtYmVyaW5nIjp7IiRpZCI6IjgzIiwiRm9ybWF0IjowLCJJc1Zpc2libGUiOmZhbHNlLCJMYXN0S25vd25WaXNpYmlsaXR5U3RhdGUiOmZhbHNlfSwiSXNWaXNpYmxlIjp0cnVlLCJQYXJlbnRTdHlsZSI6bnVsbH0sIkRlZmF1bHRUYXNrU3R5bGUiOnsiJGlkIjoiODQiLCJTaGFwZSI6MS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w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0cnVlLCJJc0l0YWxpYyI6ZmFsc2UsIklzVW5kZXJsaW5lZCI6ZmFsc2UsIlBhcmVudFN0eWxlIjpudWxsfSwiQXV0b1NpemUiOjAsIkZvcmVncm91bmQiOnsiJGlkIjoiMTE1IiwiQ29sb3IiOnsiJGlkIjoiMTE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nsiJGlkIjoiMTM2IiwiTGluZUNvbG9yIjpudWxsLCJMaW5lV2VpZ2h0IjowLjAsIkxpbmVUeXBlIjowLCJQYXJlbnRTdHlsZSI6bnVsbH0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MC4wLCJNYXhIZWlnaHQiOjAuMC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ZmFsc2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ZmFsc2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Gb3JtYXQiOnsiJGlkIjoiMTk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IyMCIsIlRvcCI6MCwiTGVmdCI6MCwiUmlnaHQiOjAsIkJvdHRvbSI6MH0sIlBhZGRpbmciOnsiJGlkIjoiMjIxIiwiVG9wIjowLCJMZWZ0IjowLCJSaWdodCI6MCwiQm90dG9tIjowfSwiQmFja2dyb3VuZCI6eyIkaWQiOiIyMjIiLCJDb2xvciI6eyIkaWQiOiIyMjMiLCJBIjowLCJSIjoyNTUsIkciOjI1NSwiQiI6MjU1fX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pZCI6IjUxNSIsIlRvcCI6MCwiTGVmdCI6MCwiUmlnaHQiOjAsIkJvdHRvbSI6MH0sIlBhZGRpbmciOnsiJGlkIjoiNTE2IiwiVG9wIjowLCJMZWZ0IjowLCJSaWdodCI6MCwiQm90dG9tIjowfSwiQmFja2dyb3VuZCI6eyIkaWQiOiI1MTciLCJDb2xvciI6eyIkaWQiOiI1MTgiLCJBIjowLCJSIjoyNTUsIkciOjI1NSwiQiI6MjU1fX0sIklzVmlzaWJsZSI6dHJ1ZSwiV2lkdGgiOjAuMCwiSGVpZ2h0IjowLjAsIkJvcmRlclN0eWxlIjp7IiRpZCI6IjUxOSIsIkxpbmVDb2xvciI6bnVsbCwiTGluZVdlaWdodCI6MC4wLCJMaW5lVHlwZSI6MCwiUGFyZW50U3R5bGUiOm51bGx9LCJQYXJlbnRTdHlsZSI6bnVsbH0sIkRhdGVGb3JtYXQiOnsiJGlkIjoiNTI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pZCI6IjYyMyIsIlRvcCI6MCwiTGVmdCI6MCwiUmlnaHQiOjAsIkJvdHRvbSI6MH0sIlBhZGRpbmciOnsiJGlkIjoiNjI0IiwiVG9wIjowLCJMZWZ0IjowLCJSaWdodCI6MCwiQm90dG9tIjowfSwiQmFja2dyb3VuZCI6eyIkaWQiOiI2MjUiLCJDb2xvciI6eyIkaWQiOiI2MjYiLCJBIjowLCJSIjoyNTUsIkciOjI1NSwiQiI6MjU1fX0sIklzVmlzaWJsZSI6dHJ1ZSwiV2lkdGgiOjAuMCwiSGVpZ2h0IjowLjAsIkJvcmRlclN0eWxlIjp7IiRpZCI6IjYyNyIsIkxpbmVDb2xvciI6bnVsbCwiTGluZVdlaWdodCI6MC4wLCJMaW5lVHlwZSI6MCwiUGFyZW50U3R5bGUiOm51bGx9LCJQYXJlbnRTdHlsZSI6bnVsbH0sIkRhdGVGb3JtYXQiOnsiJGlkIjoiNjI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Gb3JtYXQiOnsiJGlkIjoiNzA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DpcXFdvcmtcXEVkZGllIFZhbiBIYWxlbiBUaW1lbGluZVxcVGltZWxpbmUgRGF0YSBWYW4gSGFsZW4gMi54bHN4IiwiVGltZUNvbmZpZ3VyYXRpb24iOnsiJGlkIjoiNzgx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 Different Kind of Truth"/>
  <p:tag name="OTLDATE" val="2012-10-26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an Halen"/>
  <p:tag name="OTLDATE" val="1978-10-07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omen and Children First"/>
  <p:tag name="OTLDATE" val="1980-10-10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iver Down"/>
  <p:tag name="OTLDATE" val="1982-10-14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r Unlawful Carnal Knowledge"/>
  <p:tag name="OTLDATE" val="1991-10-18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an Halen II"/>
  <p:tag name="OTLDATE" val="1979-10-09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ir Warning"/>
  <p:tag name="OTLDATE" val="1981-10-13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984"/>
  <p:tag name="OTLDATE" val="1984-10-15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5150"/>
  <p:tag name="OTLDATE" val="1986-10-16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U812"/>
  <p:tag name="OTLDATE" val="1988-10-17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ive: Right Here, Right Now"/>
  <p:tag name="OTLDATE" val="1995-10-21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an Halen III"/>
  <p:tag name="OTLDATE" val="1998-10-23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Years"/>
  <p:tag name="OTLTIMEBANDSCALEFORMAT" val="MMM"/>
  <p:tag name="OTLTIMEBANDSHAPETYPE" val="RoundedCornerRectangleTimeband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AUTODATERANGE" val="False"/>
  <p:tag name="OTLTIMEBANDENDDATE" val="2022-06-02T23:59:00.0000000"/>
  <p:tag name="OTLTIMEBANDQUICKPOSITION" val="Custom"/>
  <p:tag name="OTLTIMEBANDSTARTDATE" val="1952-02-05T23:59:00.0000000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mily moves to Pasadena, CA"/>
  <p:tag name="OTLDATE" val="1962-01-01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vents &quot;tapping&quot; guitar solo technique"/>
  <p:tag name="OTLDATE" val="1971-01-03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rms band &quot;Mammoth&quot; with brother Alex"/>
  <p:tag name="OTLDATE" val="1972-01-06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mmoth is renamed Van Halen"/>
  <p:tag name="OTLDATE" val="1974-01-07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ffered recording deal by Warner "/>
  <p:tag name="OTLDATE" val="1977-01-08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rries actress Valerie Bertinelli"/>
  <p:tag name="OTLDATE" val="1980-01-10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and Wins Grammy for Best Hard Rock Performance"/>
  <p:tag name="OTLDATE" val="1992-01-18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ts treatment for tongue cancer"/>
  <p:tag name="OTLDATE" val="2000-01-14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s inducted into Rock and Roll Hall of Fame"/>
  <p:tag name="OTLDATE" val="2007-01-20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ters rehab for alcoholism and drug abuse"/>
  <p:tag name="OTLDATE" val="2007-01-22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ivorce from Valerie Bertinelli is finalized"/>
  <p:tag name="OTLDATE" val="2007-01-23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rries actress and stuntwoman  Janie Liszewski"/>
  <p:tag name="OTLDATE" val="2009-01-06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dergoes emergency surgery for diverculitis"/>
  <p:tag name="OTLDATE" val="2012-01-24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oses battle with throat cancer, Santa Monica, CA"/>
  <p:tag name="OTLDATE" val="2020-10-06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rn in Amsterdam to Jan and Eugenia Van Halen (née van Beers)"/>
  <p:tag name="OTLDATE" val="1955-01-26T23:59:00.0000000"/>
  <p:tag name="OTLPOSITIONONTASK" val="None"/>
  <p:tag name="OTLRELATEDTASKID" val="00000000-0000-0000-0000-000000000000"/>
  <p:tag name="OTLDATEFORMATSTRING" val="yyyy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pudWxsLCJFZGl0aW9uIjoiUHJvIiwiSXNQbHVzRWRpdGlvbiI6dHJ1ZSwiSXNQcm9FZGl0aW9uIjp0cnVlfSwiRWZmZWN0IjoxLCJTdHlsZSI6eyIkaWQiOiIzIiwiVGltZWJhbmRTdHlsZSI6eyIkaWQiOiI0IiwiU2NhbGVNYXJraW5nIjoxLCJTaGFwZSI6MTAsIlNoYXBlU3R5bGUiOnsiJGlkIjoiNSIsIk1hcmdpbiI6eyIkaWQiOiI2IiwiVG9wIjowLCJMZWZ0IjoxMCwiUmlnaHQiOjEwLCJCb3R0b20iOjB9LCJQYWRkaW5nIjp7IiRpZCI6IjciLCJUb3AiOjMsIkxlZnQiOjAsIlJpZ2h0IjowLCJCb3R0b20iOjN9LCJCYWNrZ3JvdW5kIjp7IiRpZCI6IjgiLCJDb2xvciI6eyIkaWQiOiI5IiwiQSI6MjU1LCJSIjoxMTUsIkciOjExNSwiQiI6MTE1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CwiVG9kYXlNYXJrZXJQb3NpdGlvbiI6MCwiUXVpY2tQb3NpdGlvbiI6MywiQWJzb2x1dGVQb3NpdGlvbiI6MjczLjE3ODQzNi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TQ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yMzgsIkciOjIzNiwiQiI6MjI1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jM4LCJHIjoyMjYsIkIiOjE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NiwiRm9udE5hbWUiOiJTZWdvZSBVSSBTZW1pYm9sZCIsIklzQm9sZCI6dHJ1ZSwiSXNJdGFsaWMiOmZhbHNlLCJJc1VuZGVybGluZWQiOmZhbHNlLCJQYXJlbnRTdHlsZSI6bnVsbH0sIkF1dG9TaXplIjowLCJGb3JlZ3JvdW5kIjp7IiRpZCI6IjY5IiwiQ29sb3IiOnsiJGlkIjoiNz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0LCJGb250TmFtZSI6IlNlZ29lIFVJIEhpc3RvcmljIiwiSXNCb2xkIjp0cnVlLCJJc0l0YWxpYyI6ZmFsc2UsIklzVW5kZXJsaW5lZCI6ZmFsc2UsIlBhcmVudFN0eWxlIjpudWxsfSwiQXV0b1NpemUiOjAsIkZvcmVncm91bmQiOnsiJGlkIjoiNzYiLCJDb2xvciI6eyIkaWQiOiI3NyIsIkEiOjI1NSwiUiI6MjM4LCJHIjoyMjYsIkIiOjE4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XZWVrTnVtYmVyaW5nIjp7IiRpZCI6IjgzIiwiRm9ybWF0IjowLCJJc1Zpc2libGUiOmZhbHNlLCJMYXN0S25vd25WaXNpYmlsaXR5U3RhdGUiOmZhbHNlfSwiSXNWaXNpYmxlIjp0cnVlLCJQYXJlbnRTdHlsZSI6bnVsbH0sIkRlZmF1bHRUYXNrU3R5bGUiOnsiJGlkIjoiODQiLCJTaGFwZSI6MS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w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0cnVlLCJJc0l0YWxpYyI6ZmFsc2UsIklzVW5kZXJsaW5lZCI6ZmFsc2UsIlBhcmVudFN0eWxlIjpudWxsfSwiQXV0b1NpemUiOjAsIkZvcmVncm91bmQiOnsiJGlkIjoiMTE1IiwiQ29sb3IiOnsiJGlkIjoiMTE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nsiJGlkIjoiMTM2IiwiTGluZUNvbG9yIjpudWxsLCJMaW5lV2VpZ2h0IjowLjAsIkxpbmVUeXBlIjowLCJQYXJlbnRTdHlsZSI6bnVsbH0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MC4wLCJNYXhIZWlnaHQiOjAuMC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ZmFsc2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ZmFsc2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Gb3JtYXQiOnsiJGlkIjoiMTk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jAiLCJUb3AiOjAsIkxlZnQiOjAsIlJpZ2h0IjowLCJCb3R0b20iOjB9LCJQYWRkaW5nIjp7IiRpZCI6IjIyMSIsIlRvcCI6MCwiTGVmdCI6MCwiUmlnaHQiOjAsIkJvdHRvbSI6MH0sIkJhY2tncm91bmQiOnsiJGlkIjoiMjIyIiwiQ29sb3IiOnsiJGlkIjoiMjIzIiwiQSI6MCwiUiI6MjU1LCJHIjoyNTUsIkIiOjI1NX1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U2IiwiVG9wIjowLCJMZWZ0IjowLCJSaWdodCI6MCwiQm90dG9tIjowfSwiUGFkZGluZyI6eyIkaWQiOiIyNTciLCJUb3AiOjAsIkxlZnQiOjAsIlJpZ2h0IjowLCJCb3R0b20iOjB9LCJCYWNrZ3JvdW5kIjp7IiRpZCI6IjI1OCIsIkNvbG9yIjp7IiRpZCI6IjI1OSIsIkEiOjAsIlIiOjI1NSwiRyI6MjU1LCJCIjoyNTV9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m51bGx9LCJEYXRlRm9ybWF0Ijp7IiRpZCI6IjI3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kyIiwiVG9wIjowLCJMZWZ0IjowLCJSaWdodCI6MCwiQm90dG9tIjowfSwiUGFkZGluZyI6eyIkaWQiOiIyOTMiLCJUb3AiOjAsIkxlZnQiOjAsIlJpZ2h0IjowLCJCb3R0b20iOjB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udWxsfSwiVGl0bGVTdHlsZSI6eyIkaWQiOiIzMjQiLCJGb250U2V0dGluZ3MiOnsiJGlkIjoiMzI1IiwiRm9udFNpemUiOjE2LCJGb250TmFtZSI6IlNlZ29lIFVJIiwiSXNCb2xkIjp0cnVlLCJJc0l0YWxpYyI6ZmFsc2UsIklzVW5kZXJsaW5lZCI6ZmFsc2UsIlBhcmVudFN0eWxlIjpudWxsfSwiQXV0b1NpemUiOjAsIkZvcmVncm91bmQiOnsiJGlkIjoiMzI2IiwiQ29sb3IiOnsiJGlkIjoiMzI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EOlxcV29ya1xcRWRkaWUgVmFuIEhhbGVuIFRpbWVsaW5lXFxUaW1lbGluZSBEYXRhIFZhbiBIYWxlbi54bHN4IiwiVGltZUNvbmZpZ3VyYXRpb24iOnsiJGlkIjoiNjAz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Years"/>
  <p:tag name="OTLTIMEBANDSCALEFORMAT" val="MMM"/>
  <p:tag name="OTLTIMEBANDSHAPETYPE" val="RoundedCornerRectangleTimeband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QUICKPOSITION" val="Custom"/>
  <p:tag name="OTLTIMEBANDAUTODATERANGE" val="False"/>
  <p:tag name="OTLTIMEBANDSTARTDATE" val="1976-07-06T23:59:00.0000000"/>
  <p:tag name="OTLTIMEBANDENDDATE" val="2012-10-26T23:59:00.0000000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8</Words>
  <Application>Microsoft Office PowerPoint</Application>
  <PresentationFormat>Widescreen</PresentationFormat>
  <Paragraphs>77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</vt:lpstr>
      <vt:lpstr>Segoe UI Historic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10-08T19:28:39Z</dcterms:created>
  <dcterms:modified xsi:type="dcterms:W3CDTF">2020-10-14T18:54:19Z</dcterms:modified>
</cp:coreProperties>
</file>